
<file path=[Content_Types].xml><?xml version="1.0" encoding="utf-8"?>
<Types xmlns="http://schemas.openxmlformats.org/package/2006/content-types">
  <Default Extension="xml" ContentType="application/xml"/>
  <Default Extension="rels" ContentType="application/vnd.openxmlformats-package.relationships+xml"/>
  <Default Extension="png" ContentType="image/png"/>
  <Default Extension="jpeg" ContentType="image/jpeg"/>
  <Override PartName="/_rels/.rels" ContentType="application/vnd.openxmlformats-package.relationships+xml"/>
  <Override PartName="/docProps/core.xml" ContentType="application/vnd.openxmlformats-package.core-properties+xml"/>
  <Override PartName="/docProps/app.xml" ContentType="application/vnd.openxmlformats-officedocument.extended-properties+xml"/>
  <Override PartName="/word/_rels/document.xml.rels" ContentType="application/vnd.openxmlformats-package.relationships+xml"/>
  <Override PartName="/word/document.xml" ContentType="application/vnd.openxmlformats-officedocument.wordprocessingml.document.main+xml"/>
  <Override PartName="/word/styles.xml" ContentType="application/vnd.openxmlformats-officedocument.wordprocessingml.styles+xml"/>
  <Override PartName="/word/fontTable.xml" ContentType="application/vnd.openxmlformats-officedocument.wordprocessingml.fontTable+xml"/>
  <Override PartName="/word/settings.xml" ContentType="application/vnd.openxmlformats-officedocument.wordprocessingml.settings+xml"/>
  <Override PartName="/word/theme/theme1.xml" ContentType="application/vnd.openxmlformats-officedocument.theme+xml"/>
</Types>
</file>

<file path=_rels/.rels><?xml version="1.0" encoding="UTF-8"?>
<Relationships xmlns="http://schemas.openxmlformats.org/package/2006/relationships"><Relationship Id="rId1" Type="http://schemas.openxmlformats.org/officedocument/2006/relationships/metadata/core-properties" Target="docProps/core.xml"/><Relationship Id="rId2" Type="http://schemas.openxmlformats.org/officeDocument/2006/relationships/extended-properties" Target="docProps/app.xml"/><Relationship Id="rId3" Type="http://schemas.openxmlformats.org/officeDocument/2006/relationships/officeDocument" Target="word/document.xml"/>
</Relationships>
</file>

<file path=word/document.xml><?xml version="1.0" encoding="utf-8"?>
<w:document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pic="http://schemas.openxmlformats.org/drawingml/2006/picture"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body>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rtf1\ansi\ansicpg1252\uc1 \deff66\deflang1033\deflangfe1033{\fonttbl{\f0\froman\fcharset0\fprq2{\*\panose 02020603050405020304}Times New Roman;}{\f1\fswiss\fcharset0\fprq2{\*\panose 020b0604020202020204}Arial;}{\f2\fmodern\fcharset0\fprq1{\*\panose 02070309020205020404}Courier New;}{\f3\froman\fcharset2\fprq2{\*\panose 05050102010706020507}Symbol;}{\f4\froman\fcharset0\fprq2{\*\panose 02020603050405020304}Times;}{\f66\fnil\fcharset0\fprq2{\*\panose 00000800000000000000}Charter BT;}{\f73\froman\fcharset238\fprq2 Times New Roman CE;}{\f74\froman\fcharset204\fprq2 Times New Roman Cyr;}{\f76\froman\fcharset161\fprq2 Times New Roman Greek;}{\f77\froman\fcharset162\fprq2 Times New Roman Tur;}{\f78\froman\fcharset186\fprq2 Times New Roman Baltic;}{\f79\fswiss\fcharset238\fprq2 Arial CE;}{\f80\fswiss\fcharset204\fprq2 Arial Cyr;}{\f82\fswiss\fcharset161\fprq2 Arial Greek;}{\f83\fswiss\fcharset162\fprq2 Arial Tur;}{\f84\fswiss\fcharset186\fprq2 Arial Baltic;}{\f85\fmodern\fcharset238\fprq1 Courier New CE;}{\f86\fmodern\fcharset204\fprq1 Courier New Cyr;}{\f88\fmodern\fcharset161\fprq1 Courier New Greek;}{\f89\fmodern\fcharset162\fprq1 Courier New Tur;}{\f90\fmodern\fcharset186\fprq1 Courier New Baltic;}}{\colortbl;\red0\green0\blue0;\red0\green0\blue255;\red0\green255\blue255;\red0\green255\blue0;\red255\green0\blue255;\red255\green0\blue0;\red255\green255\blue0;\red255\green255\blue255;\red0\green0\blue128;\red0\green128\blue128;\red0\green128\blue0;\red128\green0\blue128;\red128\green0\blue0;\red128\green128\blue0;\red128\green128\blue128;\red192\green192\blue192;}{\stylesheet{\sa280\sl280\slmult0\nowidctlpar\tx709\tx1418\tx2126\tx2835\tx3544\tx4253\tx4961\tx5670\tqr\tx8363\adjustright \f66\fs20\lang2057\kerning16\cgrid \snext0 Normal;}{\s1\fi-708\li709\sa280\sl280\slmult0\keepn\nowidctlpar\tx709\tx1418\tx2126\tx2835\tx3544\tx4253\tx4961\tx5670\tqr\tx8363\adjustright \b\f66\fs20\lang2057\kerning16\cgrid \sbasedon0 \snext0 heading 1;}{\s2\fi-709\li709\sa280\sl280\slmult0\nowidctlpar\tx709\tx1418\tx2126\tx2835\tx3544\tx4253\tx4961\tx5670\tqr\tx8363\adjustright \b\f66\fs20\lang2057\kerning16\cgrid \sbasedon0 \snext0 heading 2;}{\s3\fi-709\li1418\sa280\sl280\slmult0\nowidctlpar\tx1418\tx2126\tx2835\tx3544\tx4253\tx4961\tx5670\tqr\tx8363\adjustright \f66\fs20\lang2057\kerning16\cgrid \sbasedon0 \snext0 heading 3;}{\s4\fi-708\li2126\sa280\sl280\slmult0\nowidctlpar\tx1418\tx2138\tx2835\tx3544\tx4253\tx4961\tx5670\tqr\tx8363\adjustright \f66\fs20\lang2057\kerning16\cgrid \sbasedon0 \snext0 heading 4;}{\s5\fi-709\li2835\sa280\sl280\slmult0\nowidctlpar\tx1418\tx2126\tx2835\tx3544\tx4253\tx4961\tx5670\tqr\tx8363\adjustright \f66\fs20\lang2057\kerning16\cgrid \sbasedon0 \snext0 heading 5;}{\s6\fi-709\li3544\sa280\sl280\slmult0\nowidctlpar\tx1418\tx2126\tx2835\tx3544\tx4253\tx4961\tx5670\tqr\tx8363\adjustright \f66\fs20\lang2057\kerning16\cgrid \sbasedon0 \snext0 heading 6;}{\s7\fi-709\li4253\sa280\sl280\slmult0\nowidctlpar\tx1418\tx2126\tx2835\tx3544\tx4253\tx4961\tx5670\tqr\tx8363\adjustright \f66\fs20\lang2057\kerning16\cgrid \sbasedon0 \snext0 heading 7;}{\s8\fi-708\li4961\sa280\sl280\slmult0\nowidctlpar\tx1418\tx2126\tx2835\tx3544\tx4253\tx4961\tx5670\tqr\tx8363\adjustright \f66\fs20\lang2057\kerning16\cgrid \sbasedon0 \snext0 heading 8;}{\s9\fi-709\li5670\sa280\sl280\slmult0\nowidctlpar\tx1418\tx2126\tx2835\tx3544\tx4253\tx4961\tx5681\tqr\tx8363\adjustright \f66\fs20\lang2057\kerning16\cgrid \sbasedon0 \snext0 heading 9;}{\*\cs10 \additive Default Paragraph Font;}{\s15\sa280\sl280\slmult0\nowidctlpar\tx709\tx1418\tx2126\tx2835\tx3544\tx4253\tx4961\tx5670\tqr\tx8363\adjustright \f66\fs20\lang2057\kerning16\cgrid \sbasedon0 \snext15 FrontSheet;}{\s16\sa280\sl280\slmult0\keepn\nowidctlpar\tx709\tx1418\tx2126\tx2835\tx3544\tx4253\tx4961\tx5670\tqr\tx8363\adjustright \b\f66\fs20\lang2057\kerning16\cgrid \sbasedon0 \snext0 caption;}{\s17\sa280\sl280\slmult0\nowidctlpar\tx1418\tx2126\tx2835\tx3544\tqc\tx4253\tx4961\tx5670\tqr\tx8363\adjustright \f66\fs20\lang2057\kerning16\cgrid \sbasedon0 \snext17 header;}{\s18\qc\sa280\sl280\slmult0\nowidctlpar\tx1418\tx2126\tx2835\tx3544\tqc\tx4253\tx4961\tx5670\tqr\tx8306\adjustright \f66\fs12\lang2057\kerning16\cgrid \sbasedon0 \snext18 footer;}{\*\cs19 \additive \fs20\kerning16 \sbasedon10 page number;}{\*\cs20 \additive \i\fs16\up6\kerning16 \sbasedon10 annotation reference;}{\s21\sa120\sl280\slmult0\nowidctlpar\tx709\tx1418\tx2126\tx2835\tx3544\tx4253\tx4961\tx5670\tqr\tx8363\adjustright \f66\fs20\lang2057\kerning16\cgrid \sbasedon0 \snext21 Body Text;}{\s22\fi-709\li709\sa280\sl280\slmult0\widctlpar\tx709\tx1418\tx2126\tx2835\tx3544\tx4253\tx4961\tx5670\tqr\tx8363\adjustright \f66\fs20\lang2057\kerning16\cgrid \sbasedon0 \snext22 Body Text 2;}{\s23\li2880\sa280\sl280\slmult0\nowidctlpar\tx709\tx1418\tx2126\tx2835\tx3544\tx4253\tx4961\tx5670\tqr\tx8363\phpg\posxc\posyb\absh-1980\absw7920\dxfrtext180\dfrmtxtx180\dfrmtxty0\adjustright \f66\lang2057\kerning16\cgrid \sbasedon0 \snext23 envelope address;}{\s24\li4252\sa280\sl280\slmult0\nowidctlpar\tx709\tx1418\tx2126\tx2835\tx3544\tx4253\tx4961\tx5670\tqr\tx8363\adjustright \f66\fs20\lang2057\kerning16\cgrid \sbasedon0 \snext24 Closing;}{\s25\sa280\sl280\slmult0\nowidctlpar\tx709\tx1418\tx2126\tx2835\tx3544\tx4253\tx4961\tx5670\tqr\tx8363\adjustright \f66\fs20\lang2057\kerning16\cgrid \sbasedon0 \snext25 envelope return;}{\*\cs26 \additive \b\fs14\up6\kerning16 \sbasedon10 endnote reference;}{\s27\fi-170\li170\sa200\sl220\slmult0\nowidctlpar\tx709\tx1418\tx2126\tx2835\tx3544\tx4253\tx4961\tx5670\tqr\tx8363\adjustright \f66\fs16\lang2057\kerning16\cgrid \sbasedon0 \snext27 endnote text;}{\s28\fi-284\li284\sa120\sl280\slmult0\nowidctlpar\tqr\tldot\tx8363\adjustright \f66\fs20\lang2057\kerning16\cgrid \sbasedon0 \snext0 \sautoupd index 1;}{\s29\fi-284\li993\sa120\sl280\slmult0\nowidctlpar\tqr\tldot\tx8363\adjustright \f66\fs20\lang2057\kerning16\cgrid \sbasedon0 \snext0 \sautoupd index 2;}{\s30\fi-200\li600\sa280\sl280\slmult0\nowidctlpar\tqr\tldot\tx8505\adjustright \f66\fs20\lang2057\kerning16\cgrid \sbasedon0 \snext0 \sautoupd index 3;}{\s31\fi-200\li800\sa280\sl280\slmult0\nowidctlpar\tqr\tldot\tx8505\adjustright \f66\fs20\lang2057\kerning16\cgrid \sbasedon0 \snext0 \sautoupd index 4;}{\s32\fi-200\li1000\sa280\sl280\slmult0\nowidctlpar\tqr\tldot\tx8505\adjustright \f66\fs20\lang2057\kerning16\cgrid \sbasedon0 \snext0 \sautoupd index 5;}{\s33\fi-200\li1200\sa280\sl280\slmult0\nowidctlpar\tqr\tldot\tx8505\adjustright \f66\fs20\lang2057\kerning16\cgrid \sbasedon0 \snext0 \sautoupd index 6;}{\s34\fi-709\li4253\sa280\sl280\slmult0\nowidctlpar\tqr\tldot\tx8505\adjustright \f66\fs20\lang2057\kerning16\cgrid \sbasedon0 \snext0 \sautoupd index 7;}{\s35\fi-200\li1600\sa280\sl280\slmult0\nowidctlpar\tqr\tldot\tx8505\adjustright \f66\fs20\lang2057\kerning16\cgrid \sbasedon0 \snext0 \sautoupd index 8;}{\s36\fi-200\li1800\sa280\sl280\slmult0\nowidctlpar\tqr\tldot\tx8505\adjustright \f66\fs20\lang2057\kerning16\cgrid \sbasedon0 \snext0 \sautoupd index 9;}{\s37\sa280\sl280\slmult0\nowidctlpar\tx709\tx1418\tx2126\tx2835\tx3544\tx4253\tx4961\tx5670\tqr\tx8363\adjustright \f66\fs20\lang2057\kerning16\cgrid \sbasedon0 \snext28 index heading;}{\*\cs38 \additive \fs20\kerning16 \sbasedon10 line number;}{\s39\fi-283\li283\sa280\sl280\slmult0\nowidctlpar\tx709\tx1418\tx2126\tx2835\tx3544\tx4253\tx4961\tx5670\tqr\tx8363\adjustright \f66\fs20\lang2057\kerning16\cgrid \sbasedon0 \snext39 List;}{\s40\fi-283\li566\sa280\sl280\slmult0\nowidctlpar\tx709\tx1418\tx2126\tx2835\tx3544\tx4253\tx4961\tx5670\tqr\tx8363\adjustright \f66\fs20\lang2057\kerning16\cgrid \sbasedon0 \snext40 List 2;}{\s41\fi-283\li849\sa280\sl280\slmult0\nowidctlpar\tx709\tx1418\tx2126\tx2835\tx3544\tx4253\tx4961\tx5670\tqr\tx8363\adjustright \f66\fs20\lang2057\kerning16\cgrid \sbasedon0 \snext41 List 3;}{\s42\fi-283\li1132\sa280\sl280\slmult0\nowidctlpar\tx709\tx1418\tx2126\tx2835\tx3544\tx4253\tx4961\tx5670\tqr\tx8363\adjustright \f66\fs20\lang2057\kerning16\cgrid \sbasedon0 \snext42 List 4;}{\s43\fi-283\li1415\sa280\sl280\slmult0\nowidctlpar\tx709\tx1418\tx2126\tx2835\tx3544\tx4253\tx4961\tx5670\tqr\tx8363\adjustright \f66\fs20\lang2057\kerning16\cgrid \sbasedon0 \snext43 List 5;}{\s44\li283\sa120\sl280\slmult0\nowidctlpar\tx709\tx1418\tx2126\tx2835\tx3544\tx4253\tx4961\tx5670\tqr\tx8363\adjustright \f66\fs20\lang2057\kerning16\cgrid \sbasedon0 \snext44 List Continue;}{\s45\li566\sa120\sl280\slmult0\nowidctlpar\tx709\tx1418\tx2126\tx2835\tx3544\tx4253\tx4961\tx5670\tqr\tx8363\adjustright \f66\fs20\lang2057\kerning16\cgrid \sbasedon0 \snext45 List Continue 2;}{\s46\li849\sa120\sl280\slmult0\nowidctlpar\tx709\tx1418\tx2126\tx2835\tx3544\tx4253\tx4961\tx5670\tqr\tx8363\adjustright \f66\fs20\lang2057\kerning16\cgrid \sbasedon0 \snext46 List Continue 3;}{\s47\li1132\sa120\sl280\slmult0\nowidctlpar\tx709\tx1418\tx2126\tx2835\tx3544\tx4253\tx4961\tx5670\tqr\tx8363\adjustright \f66\fs20\lang2057\kerning16\cgrid \sbasedon0 \snext47 List Continue 4;}{\s48\li1415\sa120\sl280\slmult0\nowidctlpar\tx709\tx1418\tx2126\tx2835\tx3544\tx4253\tx4961\tx5670\tqr\tx8363\adjustright \f66\fs20\lang2057\kerning16\cgrid \sbasedon0 \snext48 List Continue 5;}{\s49\fi-283\li283\sa280\sl280\slmult0\nowidctlpar\tx709\tx1418\tx2126\tx2835\tx3544\tx4253\tx4961\tx5670\tqr\tx8363{\*\pn \pnlvlbody\ilvl11\ls2047\pnrnot0\pndec\pnstart1\pnindent283\pnhang{\pntxta .}}\ls2047\ilvl11\adjustright \f66\fs20\lang2057\kerning16\cgrid \sbasedon0 \snext49 List Number;}{\s50\fi-283\li566\sa280\sl280\slmult0\nowidctlpar\tx709\tx1418\tx2126\tx2835\tx3544\tx4253\tx4961\tx5670\tqr\tx8363{\*\pn \pnlvlbody\ilvl11\ls2047\pnrnot0\pndec\pnstart1\pnindent283\pnhang{\pntxta .}}\ls2047\ilvl11\adjustright \f66\fs20\lang2057\kerning16\cgrid \sbasedon0 \snext50 List Number 2;}{\s51\fi-283\li849\sa280\sl280\slmult0\nowidctlpar\tx709\tx1418\tx2126\tx2835\tx3544\tx4253\tx4961\tx5670\tqr\tx8363{\*\pn \pnlvlbody\ilvl11\ls2047\pnrnot0\pndec\pnstart1\pnindent283\pnhang{\pntxta .}}\ls2047\ilvl11\adjustright \f66\fs20\lang2057\kerning16\cgrid \sbasedon0 \snext51 List Number 3;}{\s52\fi-283\li1132\sa280\sl280\slmult0\nowidctlpar\tx709\tx1418\tx2126\tx2835\tx3544\tx4253\tx4961\tx5670\tqr\tx8363{\*\pn \pnlvlbody\ilvl11\ls2047\pnrnot0\pndec\pnstart1\pnindent283\pnhang{\pntxta .}}\ls2047\ilvl11\adjustright \f66\fs20\lang2057\kerning16\cgrid \sbasedon0 \snext52 List Number 4;}{\s53\fi-283\li1415\sa280\sl280\slmult0\nowidctlpar\tx709\tx1418\tx2126\tx2835\tx3544\tx4253\tx4961\tx5670\tqr\tx8363{\*\pn \pnlvlbody\ilvl11\ls2047\pnrnot0\pndec\pnstart1\pnindent283\pnhang{\pntxta .}}\ls2047\ilvl11\adjustright \f66\fs20\lang2057\kerning16\cgrid \sbasedon0 \snext53 List Number 5;}{\s54\fi-1134\li1134\sa280\sl280\slmult0\nowidctlpar\tx709\tx1418\tx2126\tx2835\tx3544\tx4253\tx4961\tx5670\tqr\tx8363\adjustright \f1\lang2057\kerning16\cgrid \sbasedon0 \snext54 Message Header;}{\s55\li4252\sa280\sl280\slmult0\nowidctlpar\tx709\tx1418\tx2126\tx2835\tx3544\tx4253\tx4961\tx5670\tqr\tx8363\adjustright \f66\fs20\lang2057\kerning16\cgrid \sbasedon0 \snext55 Signature;}{\s56\qc\sa60\sl280\slmult0\nowidctlpar\tx709\tx1418\tx2126\tx2835\tx3544\tx4253\tx4961\tx5670\tqr\tx8363\adjustright \i\f1\lang2057\kerning16\cgrid \sbasedon0 \snext56 Subtitle;}{\s57\qc\sb240\sa60\sl280\slmult0\nowidctlpar\tx709\tx1418\tx2126\tx2835\tx3544\tx4253\tx4961\tx5670\tqr\tx8363\adjustright \b\f1\fs32\lang2057\kerning16\cgrid \sbasedon0 \snext57 Title;}{\s58\sb120\sa280\sl280\slmult0\nowidctlpar\tx709\tx1418\tx2126\tx2835\tx3544\tx4253\tx4961\tx5670\tqr\tx8363\adjustright \b\f1\lang2057\kerning16\cgrid \sbasedon0 \snext0 toa heading;}{\s59\sa280\sl280\slmult0\nowidctlpar\tx709\tqr\tx8363\adjustright \f66\fs20\lang2057\kerning16\cgrid \sbasedon0 \snext0 \sautoupd toc 1;}{\s60\li709\sa280\sl280\slmult0\nowidctlpar\tx1418\tqr\tx8363\adjustright \f66\fs20\lang2057\kerning16\cgrid \sbasedon0 \snext0 \sautoupd toc 2;}{\s61\li709\sa280\sl280\slmult0\nowidctlpar\tx1418\tqr\tx8363\adjustright \f66\fs20\lang2057\kerning16\cgrid \sbasedon0 \snext0 \sautoupd toc 3;}{\s62\li600\sa280\sl280\slmult0\nowidctlpar\tqr\tldot\tx8505\adjustright \f66\fs20\lang2057\kerning16\cgrid \sbasedon0 \snext0 \sautoupd toc 4;}{\s63\li800\sa280\sl280\slmult0\nowidctlpar\tqr\tldot\tx8505\adjustright \f66\fs20\lang2057\kerning16\cgrid \sbasedon0 \snext0 \sautoupd toc 5;}{\s64\li1000\sa280\sl280\slmult0\nowidctlpar\tqr\tldot\tx8505\adjustright \f66\fs20\lang2057\kerning16\cgrid \sbasedon0 \snext0 \sautoupd toc 6;}{\s65\li1200\sa280\sl280\slmult0\nowidctlpar\tqr\tldot\tx8505\adjustright \f66\fs20\lang2057\kerning16\cgrid \sbasedon0 \snext0 \sautoupd toc 7;}{\s66\li1400\sa280\sl280\slmult0\nowidctlpar\tqr\tldot\tx8505\adjustright \f66\fs20\lang2057\kerning16\cgrid \sbasedon0 \snext0 \sautoupd toc 8;}{\s67\li1600\sa280\sl280\slmult0\nowidctlpar\tqr\tldot\tx8505\adjustright \f66\fs20\lang2057\kerning16\cgrid \sbasedon0 \snext0 \sautoupd toc 9;}{\s68\li4253\sa280\sl280\slmult0\nowidctlpar\tx709\tx1418\tx2126\tx2835\tx3544\tx4253\tx4961\tx5670\tqr\tx8363\adjustright \f66\fs20\lang2057\cgrid \sbasedon0 \snext68 BackSheet;}{\*\cs69 \additive \b\fs14\up6\kerning16 \sbasedon10 footnote reference;}{\s70\fi-170\li170\sa200\sl220\slmult0\nowidctlpar\tx709\tx1418\tx2126\tx2835\tx3544\tx4253\tx4961\tx5670\tqr\tx8363\adjustright \f66\fs16\lang2057\kerning16\cgrid \sbasedon0 \snext70 footnote text;}{\s71\sa280\sl280\slmult0\keep\keepn\nowidctlpar\tx709\tx1418\tx2126\tx2835\tx3544\tx4253\tx4961\tx5670\tqr\tx8363\adjustright \f66\fs20\lang2057\kerning16\cgrid \sbasedon0 \snext0 Heading;}{\s72\fi-567\li1418\sa280\sl280\slmult0\nowidctlpar\tx709\tx1418\tx1985\tx2126\tx2552\tx2835\tx3544\tx4253\tx4961\tx5670\tqr\tx8363\adjustright \f66\fs20\lang2057\kerning16\cgrid \sbasedon0 \snext72 Indent1;}{\s73\li1418\sa280\sl280\slmult0\nowidctlpar\tx709\tx1418\tx1985\tx2126\tx2552\tx2835\tx3544\tx4253\tx4961\tx5670\tqr\tx8363\adjustright \f66\fs20\lang2057\kerning16\cgrid \sbasedon0 \snext73 indent2;}{\s74\fi-283\li283\sa280\sl280\slmult0\nowidctlpar\tx709\tx1418\tx2126\tx2835\tx3544\tx4253\tx4961\tx5670\tqr\tx8363{\*\pn \pnlvlbody\ilvl11\ls2047\pnrnot0\pnf4\pnstart1\pnindent283\pnhang{\pntxtb \'b7}}\ls2047\ilvl11\adjustright \f66\fs20\lang2057\kerning16\cgrid \sbasedon0 \snext74 \sautoupd List Bullet;}{\s75\fi-283\li566\sa280\sl280\slmult0\nowidctlpar\tx709\tx1418\tx2126\tx2835\tx3544\tx4253\tx4961\tx5670\tqr\tx8363{\*\pn \pnlvlbody\ilvl11\ls2047\pnrnot0\pnf4\pnstart1\pnindent283\pnhang{\pntxtb \'b7}}\ls2047\ilvl11\adjustright \f66\fs20\lang2057\kerning16\cgrid \sbasedon0 \snext75 \sautoupd List Bullet 2;}{\s76\fi-283\li849\sa280\sl280\slmult0\nowidctlpar\tx709\tx1418\tx2126\tx2835\tx3544\tx4253\tx4961\tx5670\tqr\tx8363{\*\pn \pnlvlbody\ilvl11\ls2047\pnrnot0\pnf4\pnstart1\pnindent283\pnhang{\pntxtb \'b7}}\ls2047\ilvl11\adjustright \f66\fs20\lang2057\kerning16\cgrid \sbasedon0 \snext76 \sautoupd List Bullet 3;}{\s77\fi-283\li1132\sa280\sl280\slmult0\nowidctlpar\tx709\tx1418\tx2126\tx2835\tx3544\tx4253\tx4961\tx5670\tqr\tx8363{\*\pn \pnlvlbody\ilvl11\ls2047\pnrnot0\pnf4\pnstart1\pnindent283\pnhang{\pntxtb \'b7}}\ls2047\ilvl11\adjustright \f66\fs20\lang2057\kerning16\cgrid \sbasedon0 \snext77 \sautoupd List Bullet 4;}{\s78\fi-283\li1415\sa280\sl280\slmult0\nowidctlpar\tx709\tx1418\tx2126\tx2835\tx3544\tx4253\tx4961\tx5670\tqr\tx8363{\*\pn \pnlvlbody\ilvl11\ls2047\pnrnot0\pnf4\pnstart1\pnindent283\pnhang{\pntxtb \'b7}}\ls2047\ilvl11\adjustright \f66\fs20\lang2057\kerning16\cgrid \sbasedon0 \snext78 \sautoupd List Bullet 5;}{\s79\sl160\slmult0\nowidctlpar\tx480\tx960\tx1440\tx1920\tx2400\tx2880\tx3360\tx3840\tx4320\adjustright \f2\fs16\lang2057\cgrid \snext79 macro;}{\s80\li851\sa280\sl280\slmult0\nowidctlpar\tx709\tx1418\tx1985\tx2126\tx2552\tx2835\tx3544\tx4253\tx4961\tx5670\tqr\tx8363\adjustright \f66\fs20\lang2057\kerning16\cgrid \sbasedon0 \snext80 Normal Indent;}{\s81\li1418\sa280\sl240\slmult0\nowidctlpar\tx709\tx1418\tx2126\tx2835\tx3544\tx4253\tx4961\tx5670\tqr\tx8363\adjustright \f66\fs20\lang2057\kerning16\cgrid \sbasedon0 \snext0 Quote;}{\s82\sa280\sl280\slmult0\nowidctlpar\tx709\tqr\tx8363\adjustright \f66\fs20\lang2057\kerning16\cgrid \sbasedon0 \snext0 table of authorities;}{\s83\sa280\sl280\slmult0\nowidctlpar\tx709\tqr\tx8363\adjustright \f66\fs20\lang2057\kerning16\cgrid \sbasedon0 \snext0 table of figures;}{\s84\qc\sa280\sl280\slmult0\nowidctlpar\tx709\tx1418\tx2126\tx2835\tx3544\tx4253\tx4961\tx5670\tqr\tx8363\adjustright \b\f66\fs20\lang2057\kerning16\cgrid \sbasedon0 \snext84 TitleTOC;}{\s85\fi-170\li170\sa200\sl220\slmult0\nowidctlpar\tx709\tx1418\tx2126\tx2835\tx3544\tx4253\tx4961\tx5670\tqr\tx8363\adjustright \f66\fs16\lang2057\kerning16\cgrid \sbasedon0 \snext85 annotation text;}{\s86\qj\li720\sa280\sl280\slmult0\widctlpar\tx709\tx1418\tx2126\tx2835\tx3544\tx4253\tx4961\tx5670\tqr\tx8363\adjustright \f66\fs20\lang2057\kerning16\cgrid \sbasedon0 \snext86 Body Text Indent 2;}{\s87\qj\li709\sa280\sl280\slmult0\widctlpar\tx709\tx1418\tx2126\tx2835\tx3544\tx4253\tx4961\tx5670\tqr\tx8363\adjustright \f66\fs20\lang2057\kerning16\cgrid \sbasedon0 \snext87 Body Text Indent 3;}}{\*\listtable{\list\listtemplateid1707924570\listsimple{\listlevel\levelnfc0\leveljc0\levelfollow0\levelstartat1\levelspace0\levelindent0{\leveltext\'02\'00.;}{\levelnumbers\'01;}\s53\fi-360\li1800\jclisttab\tx1800 }{\listname ;}\listid-132}{\list\listtemplateid1410658694\listsimple{\listlevel\levelnfc0\leveljc0\levelfollow0\levelstartat1\levelspace0\levelindent0{\leveltext\'02\'00.;}{\levelnumbers\'01;}\s52\fi-360\li1440\jclisttab\tx1440 }{\listname ;}\listid-131}{\list\listtemplateid-1574015914\listsimple{\listlevel\levelnfc0\leveljc0\levelfollow0\levelstartat1\levelspace0\levelindent0{\leveltext\'02\'00.;}{\levelnumbers\'01;}\s51\fi-360\li1080\jclisttab\tx1080 }{\listname ;}\listid-130}{\list\listtemplateid-1339229288\listsimple{\listlevel\levelnfc0\leveljc0\levelfollow0\levelstartat1\levelspace0\levelindent0{\leveltext\'02\'00.;}{\levelnumbers\'01;}\s50\fi-360\li720\jclisttab\tx720 }{\listname ;}\listid-129}{\list\listtemplateid1672620244\listsimple{\listlevel\levelnfc23\leveljc0\levelfollow0\levelstartat1\levelspace0\levelindent0{\leveltext\'01\u-3913 ?;}{\levelnumbers;}\f3\fbias0 \s78\fi-360\li1800\jclisttab\tx1800 }{\listname ;}\listid-128}{\list\listtemplateid-293433668\listsimple{\listlevel\levelnfc23\leveljc0\levelfollow0\levelstartat1\levelspace0\levelindent0{\leveltext\'01\u-3913 ?;}{\levelnumbers;}\f3\fbias0 \s77\fi-360\li1440\jclisttab\tx1440 }{\listname ;}\listid-127}{\list\listtemplateid-520069870\listsimple{\listlevel\levelnfc23\leveljc0\levelfollow0\levelstartat1\levelspace0\levelindent0{\leveltext\'01\u-3913 ?;}{\levelnumbers;}\f3\fbias0 \s76\fi-360\li1080\jclisttab\tx1080 }{\listname ;}\listid-126}{\list\listtemplateid2068225442\listsimple{\listlevel\levelnfc23\leveljc0\levelfollow0\levelstartat1\levelspace0\levelindent0{\leveltext\'01\u-3913 ?;}{\levelnumbers;}\f3\fbias0 \s75\fi-360\li720\jclisttab\tx720 }{\listname ;}\listid-125}{\list\listtemplateid-319262300\listsimple{\listlevel\levelnfc0\leveljc0\levelfollow0\levelstartat1\levelspace0\levelindent0{\leveltext </w:t>
      </w:r>
    </w:p>
    <w:p>
      <w:pPr>
        <w:pStyle w:val="Normal"/>
        <w:bidi w:val="0"/>
        <w:spacing w:lineRule="auto" w:line="240" w:before="0" w:after="0"/>
        <w:ind w:hanging="0" w:start="0" w:end="0"/>
        <w:jc w:val="start"/>
        <w:rPr/>
      </w:pPr>
      <w:r>
        <w:rPr>
          <w:rFonts w:eastAsia="Geneva" w:cs="Geneva" w:ascii="Geneva" w:hAnsi="Geneva"/>
          <w:color w:val="000000"/>
          <w:sz w:val="24"/>
          <w:szCs w:val="24"/>
        </w:rPr>
        <w:t>\'02\'00.;}{\levelnumbers\'01;}\s49\fi-360\li360\jclisttab\tx360 }{\listname ;}\listid-120}{\list\listtemplateid91769208\listsimple{\listlevel\levelnfc23\leveljc0\levelfollow0\levelstartat1\levelspace0\levelindent0{\leveltext\'01\u-3913 ?;}{\levelnumbers;}\f3\fbias0 \s74\fi-360\li360\jclisttab\tx360 }{\listname ;}\listid-119}}{\*\listoverridetable{\listoverride\listid-120\listoverridecount0\ls1}{\listoverride\listid-129\listoverridecount0\ls2}{\listoverride\listid-130\listoverridecount0\ls3}{\listoverride\listid-131\listoverridecount0\ls4}{\listoverride\listid-132\listoverridecount0\ls5}{\listoverride\listid-119\listoverridecount0\ls6}{\listoverride\listid-125\listoverridecount0\ls7}{\listoverride\listid-126\listoverridecount0\ls8}{\listoverride\listid-127\listoverridecount0\ls9}{\listoverride\listid-128\listoverridecount0\ls10}}{\*\revtbl {Unknown;}{ECooper;}}{\info{\title Document Layouts}{\author DCR?</w:t>
      </w:r>
      <w:r>
        <w:rPr>
          <w:rFonts w:eastAsia="Geneva" w:cs="Geneva" w:ascii="Geneva" w:hAnsi="Geneva"/>
          <w:color w:val="000000"/>
          <w:sz w:val="24"/>
          <w:szCs w:val="24"/>
        </w:rPr>
        <w:t xml:space="preserve">_????p_}{\operator ECooper}{\creatim\yr2000\mo2\dy15\hr17\min48}{\revtim\yr2000\mo2\dy15\hr17\min48}{\printim\yr2000\mo2\dy15\hr14\min22}{\version2}{\edmins0}{\nofpages18}{\nofwords6950}{\nofchars-32766}{\*\manager David Allen}{\*\company Slaughter and May}{\*\category Atlas II template}{\nofcharsws0}{\vern113}}{\*\userprops {\propname udp_BorderStyle}\proptype30{\staticval None}{\propname udp_Justified}\proptype11{\staticval 0}{\propname udp_Renumber}\proptype11{\staticval 0}{\propname udp_Class}\proptype30{\staticval SE}{\propname udp_Client}\proptype30{\staticval ENRON}{\propname udp_Matter}\proptype30{\staticval On-line Trading}{\propname udp_CMNumber}\proptype30{\staticval 214686/11161}{\propname udp_Layout}\proptype30{\staticval Slaughter and May 1}{\propname udp_DocID}\proptype30{\staticval CA003672721}{\propname udp_Typist}\proptype30{\staticval Dellow, Marilyn}{\propname udp_Author}\proptype30{\staticval GPXB}{\propname udp_Version}\proptype30{\staticval 16}{\propname udp_CatID}\proptype30{\staticval  }{\propname udp_Department}\proptype30{\staticval  }{\propname udp_IsAtlasDoc}\proptype11{\staticval 1}{\propname udp_TemplateVersion}\proptype30{\staticval 1.02.0001}}\paperw11907\paperh16840\margl1276\margr1275\margt1135\margb1418 \widowctrl\ftnbj\aenddoc\revisions\aftnnar\lytprtmet\hyphcaps0\formshade\viewkind1\viewscale117\viewzk2\pgbrdrhead\pgbrdrfoot \fet0{\*\ftnsep \pard\plain \sa280\sl280\slmult0\widctlpar\brdrb\brdrs\brdrw15\brsp20 \tx709\tx1418\tx2126\tx2835\tx3544\tx4253\tx4961\tx5670\tqr\tx8363\adjustright \f66\fs20\lang2057\kerning16\cgrid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tnsepc \pard\plain \sa280\sl280\slmult0\widctlpar\tx709\tx1418\tx2126\tx2835\tx3544\tx4253\tx4961\tx5670\tqr\tx8363\adjustright \f66\fs20\lang2057\kerning16\cgrid {\chftnsepc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tncn \pard\plain \sa280\sl280\slmult0\widctlpar\tx709\tx1418\tx2126\tx2835\tx3544\tx4253\tx4961\tx5670\tqr\tx8363\adjustright \f66\fs20\lang2057\kerning16\cgrid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sectd \binfsxn11\binsxn11\linex0\endnhere\titlepg\sectdefaultcl {\header \pard\plain \s17\qc\sa280\sl280\slmult0\widctlpar\tx1418\tx2126\tx2835\tx3544\tqc\tx4253\tx4961\tx5670\tqr\tx8363\adjustright \f66\fs20\lang2057\kerning16\cgrid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ooter \pard\plain \s18\qc\sa280\sl280\slmult0\widctlpar\tx1418\tx2126\tx2835\tx3544\tqc\tx4253\tx4961\tx5670\tqr\tx8306\adjustright \f66\fs12\lang2057\kerning16\cgrid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headerf \pard\plain \s17\sa280\sl280\slmult0\widctlpar\tx1418\tx2126\tx2835\tx3544\tqc\tx4253\tx4961\tx5670\tqr\tx8363\adjustright \f66\fs20\lang2057\kerning16\cgrid {\lin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ooterf \pard\plain \s18\qc\sa280\sl280\slmult0\widctlpar\tx1418\tx2126\tx2835\tx3544\tqc\tx4253\tx4961\tx5670\tqr\tx8306\adjustright \f66\fs12\lang2057\kerning16\cgrid {\field\fldlock{\*\fldinst {docproperty "udp_CMNumber"  \\* Mergeformat }}{\fldrslt {214686/11161}}}{  }{\field\fldlock{\*\fldinst {docproperty udp_DocID \\* Mergeformat }}{\fldrslt {CA003672721}}}{  }{\field\fldlock{\*\fldinst {docproperty "udp_Author"  \\* Mergeformat }}{\fldrslt {GPXB}}}{  }{\field\fldlock{\*\fldinst {date \\@ "ddMMyy:HHmm" \\* Mergeformat }}{\fldrslt {140200:2044}}}{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nseclvl1\pnucrm\pnstart1\pnindent720\pnhang{\pntxta .}}{\*\pnseclvl2\pnucltr\pnstart1\pnindent720\pnhang{\pntxta .}}{\*\pnseclvl3\pndec\pnstart1\pnindent720\pnhang{\pntxta .}}{\*\pnseclvl4\pnlcltr\pnstart1\pnindent720\pnhang{\pntxta )}}{\*\pnseclvl5\pndec\pnstart1\pnindent720\pnhang{\pntxtb (}{\pntxta )}}{\*\pnseclvl6\pnlcltr\pnstart1\pnindent720\pnhang{\pntxtb (}{\pntxta )}}{\*\pnseclvl7\pnlcrm\pnstart1\pnindent720\pnhang{\pntxtb (}{\pntxta )}}{\*\pnseclvl8\pnlcltr\pnstart1\pnindent720\pnhang{\pntxtb (}{\pntxta )}}{\*\pnseclvl9\pnlcrm\pnstart1\pnindent720\pnhang{\pntxtb (}{\pntxta )}}\pard\plain \qc\sa280\sl280\slmult0\widctlpar\tx709\tx1418\tx2126\tx2835\tx3544\tx4253\tx4961\tx5670\tqr\tx8363\adjustright \f66\fs20\lang2057\kerning16\cgrid {\b ENRON NORTH AMERICA CORP (\ldblquote Enron\rdblquote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GENERAL TERMS AND CONDITIONS (\ldblquote GTC\rdblquote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CREDIT PRODUC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1.\tab Transact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1418\tx2126\tx2835\tx3544\tx4253\tx4961\tx5670\tqr\tx8363\adjustright \f66\fs20\lang2057\kerning16\cgrid {The parties shall engage in transactions on this website for the purchase and sale of the Credit Product (\ldblquote Transactions\rdblquote ) pursuant to these terms and conditions.  Transactions will be initiated by you (\ldblquote Counterparty\rdblquote ) offering to buy or sell the Credit Product by clicking on the designated boxes on the website.  This website is not, and shall not be construed as, an offer to buy or sell the Credit Product by Enron.  Enron may accept or reject Counterparty\rquote s offer at its sole discretion.  A Transaction shall be deemed executed at the time that Enron first signifies its acceptance of Counterparty\rquote s offer, accessible on the Enron website server.  The parties may also complete a written confirmation by way of record of the terms of each Transaction but in the event of any conflict Enron\rquote s electronic records or paper copies of such electronic records shall prevail.  All such Transactions shall constitute a single integrated agreement between the parties, it being acknowledged that the parties are relying upon the fact that all such Transactions will form a single agreement and that the parties would not otherwise enter into any Transact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Each party agrees that it shall not enter into a Transaction where it or any of its Affiliates is the Reference Entity which is the subject of the Transaction and any such purported Transaction entered into by the parties shall be deemed void and unenforceabl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2.\tab Representations and Warranti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1418\tx2126\tx2835\tx3544\tx4253\tx4961\tx5670\tqr\tx8363\adjustright \f66\fs20\lang2057\kerning16\cgrid {Each of Enron and Counterparty represents and warrants to the other at the time each }{\deleted\revauthdel1\revdttmdel1178762255 t}{\revised\revauth1\revdttm1178762255 T}{ransaction is executed that (a)\~}{\ul Status and Capacity}{: (i) it is duly organised and validly existing under the laws of the jurisdiction of its organisation or incorporation and, if relevant under such laws, in good standing; and (ii) it has all requisite corporate or governmental or other power and capacity to execute, deliver and perform its obligations under each Transaction; and (b)\~}{\ul Authority}{: (i)\~the execution, delivery and performance of each Transaction has been duly authorised by all necessary corporate, governmental or other organisational action on its part; and (ii)\~each Transaction is its legally valid and binding obligation, enforceable against it in accordance with its terms; and (c)}{\ul Eligible Swap Participant}{: (i)\~it constitutes an \ldblquote eligible swap participant\rdblquote  as such term is defined in  Regulation 35.1(b)(2) of the United States Commodity Futures Trading Commission; and (ii)\~it is an \ldblquote accredited investor\rdblquote  as such term is defined in Rule 501 of Regulation D of the United States Securities and Exchange Commission; and (d)\~}{\ul Line of Business}{: (i)\~it is entering into each Transaction (1) in connection with its line of business (including financial intermediation services) or the financing of its business; and (2) for bona fide commercial purposes and not in any event for the purposes of speculating or gaming; and (ii) solely with respect to }{\deleted\revauthdel1\revdttmdel1178762240  }{options, it is a commercial user of, or merchant in, the commodity (i.e. credit risk) subject to each Transaction and it has entered into each Transaction solely for purposes related to its business as such; and (e)\~}{\ul No Reliance}{: (i) the other party to each Transaction (1) is not acting as a fiduciary or financial, investment or commodity trading advisor for it; and (2)\~has not given to it (directly or indirectly through any other person) any assurance, guarantee or representation whatsoever as to the merits (either legal, regulatory, tax, financial, accounting or otherwise) of each Transaction or the expected performance or result of each Transaction; and (ii) in connection with the negotiation and execution of each Transaction (1) it is acting as a principal (and not as an agent or in any other capacity, fiduciary or otherwise); (2)\~it is not relying upon any advice, counsel or representations (whether written or oral) of the other party other than the representations expressly set forth in this GTC or the ETA between the parties, or otherwise set out on this website; (3)\~it has made and will make its own assessment and decisions regarding the entering into of each Transaction based upon its own judgment and upon the advice from such professional advisors as it has deemed, or will deem, necessary to consult; (4)\~all of its decisions regarding each Transaction have been the result of arm\rquote s length negotiations between the parties; and (5) it has a full understanding of all the terms, conditions and risks (economic and otherwise) of each Transaction, and it is capable of assuming and willing to assume (financially, legally and otherwise) those risk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li709\sa280\sl280\slmult0\widctlpar\tx709\tx1418\tx2126\tx2835\tx3544\tx4253\tx4961\tx5670\tqr\tx8363\adjustright {Counterparty acknowledges, agrees and understands tha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fi-709\li1418\sa280\sl280\slmult0\widctlpar\tx709\tx1418\tx2126\tx2835\tx3544\tx4253\tx4961\tx5670\tqr\tx8363\adjustright {(A)\tab }{\deleted\revauthdel1\revdttmdel1178762240 ENRON\rquote S PARTICIPATION IN TRANSACTIONS MAY INVOLVE CERTAIN ACTUAL OR POTENTIAL CONFLICTS OF INTEREST.  }{ENRON TRADES ACTIVELY WITH MANY OF THE REFERENCE ENTITIES AND MAINTAINS OTHER RELATIONSHIPS WITH SUCH ENTITIES.  AS A RESULT OF THESE TRADING ACTIVITIES AND RELATIONSHIPS, ENRON MAY HAVE INTERESTS WITH RESPECT TO REFERENCE ENTITIES THAT ARE ADVERSE TO THE INTERESTS OF COUNTERPARTY IN CREDIT PRODUCT TRANSACTIONS.  FOR EXAMPLE, IT IS POSSIBLE THAT ENRON WILL, BY EXERCISING ITS RIGHTS UNDER ITS AGREEMENTS WITH A REFERENCE ENTITY, TAKE ACTIONS THAT RESULT IN THE OCCURRENCE OF A BANKRUPTCY EVENT WITH RESPECT TO THAT REFERENCE ENTITY.  IF  COUNTERPARTY ENTERS INTO A TRANSACTION TO SELL THE CREDIT PRODUCT RELATING TO THAT REFERENCE ENTITY, THE OCCURRENCE OF SUCH BANKRUPTCY EVENT MAY TRIGGER THE COUNTERPARTY\rquote S OBLIGATION TO PAY UNDER THAT   TRANSACTION.  ENRON EXPECTS TO CONTINUE TO CONDUCT ITS TRADING ACTIVITIES AND ITS RELATIONSHIPS WITH THE REFERENCE ENTITIES IN THE SAME MANNER AS SUCH ACTIVITIES AND RELATIONSHIPS ARE CURRENTLY CONDUCTED AND WILL ACT IN ITS OWN BEST INTERESTS IN CONNECTION WITH SUCH RELATIONSHIPS.  IN DOING SO, ENRON MAY OR MAY NOT TAKE INTO ACCOUNT THE INTERESTS OF COUNTERPARTIES TO TRANSACTIONS.}{\revised\revauth1\revdttm1178762240  ENRON\rquote S PARTICIPATION IN TRANSACTIONS MAY INVOLVE CERTAIN ACTUAL OR POTENTIAL CONFLICTS OF INTERES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fi-720\li1429\sa280\sl280\slmult0\widctlpar\tx709\tx1418\tx2126\tx2835\tx3544\tx4253\tx4961\tx5670\tqr\tx8363\adjustright {(B)\tab AS A RESULT OF ITS RELATIONSHIPS WITH CERTAIN OF THE REFERENCE ENTITIES, ENRON ROUTINELY RECEIVES INFORMATION REGARDING THE CREDITWORTHINESS OF SUCH ENTITIES.  ENRON MAY, BUT WILL NOT BE OBLIGED TO, TAKE SUCH INFORMATION INTO ACCOUNT IN DETERMINING THE PRICES OF THE CREDIT PRODUCTS.  IN ADDITION, ENRON WILL NOT PROVIDE ANY SUCH INFORMATION TO COUNTERPARTY.  ENRON MAY, HOWEVER, USE SUCH INFORMATION IN CONNECTION WITH ITS OWN ACTIVITIES REGARDING THE REFERENCE ENTITIES.  ANY SUCH USE BY ENRON COULD ADVERSELY AFFECT COUNTERPARTIES TO TRANSACT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fi-709\li1418\sa280\sl280\slmult0\widctlpar\tx709\tx1418\tx2126\tx2835\tx3544\tx4253\tx4961\tx5670\tqr\tx8363\adjustright {(C)\tab ENRON MAY, FOR ANY REASON, TEMPORARILY OR PERMANENTLY CEASE PROVIDING QUOTATIONS FOR CERTAIN REFERENCE ENTITIES WITHOUT PRIOR NOTICE TO COUNTERPARTY.  WITHOUT LIMITATION OF THE FOREGOING, SUCH ACTION MIGHT BE TAKEN IF ENRON BELIEVES IT TO BE REQUIRED OR WARRANTED UNDER APPLICABLE LAWS OR REGULATIONS OR ENRON\rquote S INTERNAL POLICIES AND PROCEDURES, DUE TO MARKET CONDITIONS OR FOR OTHER REASONS.  UNDER SUCH CIRCUMSTANCES, COUNTERPARTY MAY BE UNABLE TO ENTER INTO NEW TRANSACTIONS IN CREDIT PRODUCTS OR CLOSE OUT EXISTING POSITIONS IN CREDIT PRODUCT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D)\tab BID AND OFFER PRICES FOR CREDIT PRODUCTS QUOTED BY ENRON ARE QUOTED SOLELY FOR THE PURPOSE OF ENABLING COUNTERPARTY AND OTHER COUNTERPARTIES OF ENRON TO TRADE SUCH CREDIT PRODUCTS, IN ACCORDANCE WITH THE TERMS AND CONDITIONS SET FORTH IN THIS GTC, AND SHOULD NOT BE USED OR RELIED UPON FOR ANY OTHER PURPOSE INCLUDING, BUT NOT LIMITED TO, VALUATION OF POSITIONS OR EVALUATION OF THE CREDITWORTHINESS OF A REFERENCE ENTIT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3.\tab Payment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1418\tx2126\tx2835\tx3544\tx4253\tx4961\tx5670\tqr\tx8363\adjustright \f66\fs20\lang2057\kerning16\cgrid {Except as provided below, in respect of any Transaction to buy and sell a Credit Product, the Buyer shall pay to the Seller the Buyer Payment on each Buyer Payment Date.  Where the Effective Date is not a Quarter Day (a) in the case of the first Buyer Payment Date, the Buyer shall pay to the Seller a proportion of the Buyer Payment equal to the amount of the Buyer Payment multiplied by a fraction, the numerator of which is the number of days from (and including) the Effective Date to (but excluding) the first Buyer Payment Date and the denominator of which is the number of days from (and including) the Quarter Day immediately preceding the Effective Date to (but excluding) the first Buyer Payment Date; and (b) in the case of the final Buyer Payment Date, the Buyer shall pay the Seller a proportion of the Buyer Payment equal to the amount of the Buyer Payment multiplied by a fraction, the numerator of which is the number of days from (and including) the immediately preceding Buyer Payment Date to (but excluding) the Scheduled Termination Date and the denominator of which is the number of days from (and including) the immediately preceding Buyer Payment Date to (but excluding) the Quarter Day immediately following the Scheduled Termination Dat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f on or after the Effective Date and before the Scheduled Termination Date (a) a Bankruptcy Event occurs in respect of the Reference Entity which is the subject of a Transaction; and (b) a valid Bankruptcy Event Notice and Notice of Publicly Available Information is delivered by one party to the other on or before the date falling fourteen calendar days after the Scheduled Termination Date; and (c) the Determination Agent acting in good faith determines that the Bankruptcy Event Notice and the Notice of Publicly Available Information are valid, the Seller shall pay to the Buyer the Seller Payment on the Seller Payment Dat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Where a Bankruptcy Event occurs before the Trade Date in respect of the Reference Entity which is the subject of a Transaction, such Transaction shall be void.  Where a Bankruptcy Event occurs on or after the Trade Date but before the Effective Date in respect of the Reference Entity which is the subject of a Transaction, such Transaction shall automatically terminate on the occurrence of such Bankruptcy Event and neither the Buyer nor the Seller shall be required to make any Buyer Payment or Seller Payment in respect of such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Only one valid Bankruptcy Event Notice and Notice of Publicly Available Information may be delivered in respect of a Transaction and such notices may be delivered by either Enron or Counterparty. Each party hereby agrees that the determination of the Determination Agent as to the validity of any such notice shall, in the absence of manifest error, be final.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Each payment will be made in the Contractual Currency (specified on this website or, if not specified, in U.S. Dollars) without deduction, set-off or counterclaim via wire transfer in immediately available funds prior to noon on the relevant Payment Date.  If amounts are not paid when due, they shall bear interest compounded daily until paid in full at the Interest Rate on the basis of the actual number of days elapsed and on the basis of a year of 360 days. If the Payment Dates for two or more Transactions between the parties fall on the same day and payments are to be made in the same currency, and if each party is required to make a payment to the other on such Payment Date, such amounts with respect to each party shall be aggregated, and the party owing the greater aggregate amount shall pay to the other party the difference between the amounts owe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4.\tab Collateral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86\qj\li720\sa280\sl280\slmult0\widctlpar\tx709\tx1418\tx2126\tx2835\tx3544\tx4253\tx4961\tx5670\tqr\tx8363\adjustright \f66\fs20\lang2057\kerning16\cgrid {Counterparty shall at Enron\rquote s request from time to time and at Enron\rquote s option either (a) within one Business Day of such request by Enron, provide to Enron a letter of credit in respect of Counterparty\rquote s obligations under any Transaction, in such form and for such amount and from such issuer as is acceptable to Enron in its absolute discretion; or (b) within such period as is specified by Enron, provide for the benefit of Enron a guarantee from a party in such form and for such amount as is acceptable to Enron in its absolute discre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5.\tab Events of Defaul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20\tx1418\tx2126\tx2835\tx3540\tx4253\tx4961\tx5670\tqr\tx8363\adjustright \f66\fs20\lang2057\kerning16\cgrid {An event of default (\ldblquote Event of Default\rquote ) shall mean with respect to a party (the \ldblquote Defaulting Party\rdblquote ) any of the following: (a) the failure by the Defaulting Party to make, when due, any payment required under a Transaction if such failure is not remedied within 2 Business Days after notice of such failure is given to the Defaulting Party; (b) any representation or warranty made by the Defaulting Party in a Transaction  shall prove to have been false or misleading in any material respect when made; (c) the breach by the Defaulting Party of any other covenant or agreement set forth in a Transaction (other than the obligation to make payment) and such breach is not cured within 10 Business Days after it is given notice thereof; (d) the institution, with respect to the Defaulting Party, of a bankruptcy, reorganisation, moratorium, receivership, liquidation or similar insolvency proceeding or other relief under any bankruptcy or insolvency law affecting creditors\rquote  rights or a petition is presented or instituted for insolvency proceedings against it, its winding-up or liquidation (other than for the purposes of an amalgamation, merger, consolidation, reconstruction or other arrangement in each case not involving the insolvency of the Defaulting Party) and, if such a proceeding is instituted against the party, it remains undismissed for 30 days; (e) the Defaulting Party in the absence of good faith and bona fide commercial reasons takes any action or omits to take any action which causes or is likely to cause a Bankruptcy Event in respect of a Reference Entity which is the subject of a Transaction; (f) the Defaulting Party consolidates or amalgamates with, or merges into or with, or transfers substantially all of its assets to another entity and the resulting entity fails to assume all of the obligations of the Defaulting Party under a Transaction; (g) an event of default occurs (howsoever determined) under any Derivative Transaction between the parties; (h) in respect of Counterparty, a change of Control occurs; or (i) Counterparty fails to provide a letter of credit or guarantee in accordance with }{\deleted\revauthdel1\revdttmdel1178762241 s}{\revised\revauth1\revdttm1178762241 S}{ection 4 on request by Enron or any default occurs under the terms of such letter of credit or guarante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Each obligation of each party under this GTC is subject to the condition precedent that no Event of Default in respect of the other party has occurred and is continuing.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6.\tab Remedi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20\sa280\sl280\slmult0\widctlpar\tx709\tx1418\tx2126\tx2835\tx3544\tx4253\tx4961\tx5670\tqr\tx8363\adjustright \f66\fs20\lang2057\kerning16\cgrid {If an Event of Default shall have occurred and shall be continuing, the non-defaulting party may in its sole discretion, by no more than 20 days\rquote  notice to the Defaulting Party, designate a day no earlier than the day such notice is effective as an early termination date (\ldblquote Early Termination Date\rdblquote ).  On the Early Termination Date, all obligations under all Transactions shall be terminated, except as provided below.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f an Early Termination Date has been designated, the non-defaulting party shall in good faith calculate its Gains or Losses and Costs resulting from the termination of the parties\rquote  obligations under all Transactions with respect to all Payment Dates which would have occurred after the Early Termination Date had the Early Termination Date not occurred.  The non-defaulting party shall aggregate such Gains, Losses and Costs with respect to all Transactions into a single net amount and notify the Defaulting Party of the net amount owed or owing.  If the non-defaulting party\rquote s aggregate Losses and Costs exceed its aggregate Gains, the Defaulting Party shall, within five Business Days of receipt of such notice, pay the net amount to the non-defaulting party, which amount shall bear interest at the Interest Rate from (and including) the Early Termination Date to (but excluding)  the date on which it is paid.  If the non-defaulting party\rquote s aggregate Gains exceed its aggregate Losses and Costs, if any, the non-defaulting party shall, within ten Business Days of receipt of such notice, pay the net amount to the Defaulting Party.  For the purposes of the above: (a)\~\ldblquote Costs\rdblquote  shall mean, with respect to  a party, brokerage fees, commissions and other similar transaction costs and expenses reasonably incurred by such a party either in terminating any arrangement pursuant to which it has hedged its obligations or entering into new arrangements which replace a Transaction; (b) \ldblquote Gains\rdblquote  shall mean, with respect to a party, an amount equal to the present value of the economic benefit, if any, (exclusive of Costs) to it resulting from the termination of its obligations with respect to a Transaction, determined in a commercially reasonable manner; and (c) \ldblquote Losses\rdblquote  shall mean an amount equal to the present value of the economic loss, if any, (exclusive of Costs) to it resulting from the termination of its obligations with respect to a Transaction, determined in a commercially reasonable manner.  }{\b NO PARTY SHALL BE REQUIRED TO PAY SPECIAL, EXEMPLARY, PUNITIVE, INCIDENTAL, CONSEQUENTIAL OR INDIRECT DAMAGES (WHETHER OR NOT ARISING FROM A PARTY\rquote S NEGLIGENCE) TO THE OTHER PARTY, EXCEPT TO THE EXTENT THAT THE PAYMENTS REQUIRED TO BE MADE PURSUANT TO A TRANSACTION ARE DEEMED TO BE SUCH DAMAGES. IF AND TO THE EXTENT ANY PAYMENT MADE PURSUANT TO A TRANSACTION IS DEEMED TO CONSTITUTE LIQUIDATED DAMAGES, THE PARTIES ACKNOWLEDGE AND AGREE THAT DAMAGES ARE DIFFICULT OR IMPOSSIBLE TO DETERMINE AND THAT SUCH PAYMENT CONSTITUTES A REASONABLE APPROXIMATION OF THE AMOUNT OF SUCH DAMAGES, AND NOT A PENALT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li709\sa280\sl280\slmult0\widctlpar\tx709\tx1418\tx2126\tx2835\tx3544\tx4253\tx4961\tx5670\tqr\tx8363\adjustright {\b NOTHING IN THIS GTC SHALL HAVE THE EFFECT OF LIMITING OR RESTRICTING EITHER PARTY\rquote S LIABILITY ARISING AS A RESULT OF ITS FRAUD. ANY LIMITATIONS OR RESTRICTIONS ON THE LIABILITY OF EITHER PARTY IN THIS GTC SHALL ONLY APPLY TO THE EXTENT PERMITTED BY APPLICABLE LAW.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7.\tab Set-off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1418\tx2126\tx2835\tx3544\tx4253\tx4961\tx5670\tqr\tx8363\adjustright \f66\fs20\lang2057\kerning16\cgrid {In the event of an occurrence of an Early Termination Date, if the Defaulting Party would be owed amounts in respect of the obligations under a Transaction relating to such occurrence of an Early Termination Date, the non-defaulting party shall be entitled, at its option and in its discretion, to set-}{\deleted\revauthdel1\revdttmdel1178762242 \tab }{off against such amount any amounts payable by the Defaulting Party to the non-defaulting party or any of its Affiliates under a Transaction or any other agreements, instruments or undertakings between the Defaulting Party and the non-defaulting party or any of its Affiliates. This Section shall be without prejudice and in addition to any right of set off, combination of accounts, lien or other right to which any party is at any time otherwise entitled (whether by operation of law, contract or otherwis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Notwithstanding any provision to the contrary contained in this GTC, or otherwise set out on this website, the non-defaulting party shall not be required to pay to the Defaulting Party any amount under a Transaction until the non-defaulting party receives written confirmation satisfactory to it in its reasonable discretion that: (a) all amounts due and payable as of the Early Termination Date by the Defaulting Party under all Transactions with the non-defaulting party or any of its Affiliates have been fully and finally paid, and (b) all other obligations of any kind whatsoever of the Defaulting Party to make any payments to the non-defaulting party or any of its Affiliates under a Transaction or otherwise which are due and payable as of the Early Termination Date hereof have been fully and finally performe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fi-708\li709\sa280\sl280\slmult0\keepn\widctlpar\tx709\tx1418\tx2126\tx2835\tx3544\tx4253\tx4961\tx5670\tqr\tx8363\outlinelevel0\adjustright \b\f66\fs20\lang2057\kerning16\cgrid {8.\tab Termina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87\qj\li709\sa280\sl280\slmult0\widctlpar\tx709\tx1418\tx2126\tx2835\tx3544\tx4253\tx4961\tx5670\tqr\tx8363\adjustright \f66\fs20\lang2057\kerning16\cgrid {The obligations of the Buyer to make Buyer Payments under a Transaction shall terminate on the delivery by either party to the other party of a valid Bankruptcy Event Notice and Notice of Publicly Available Information, save that the obligation to make Buyer Payments which become due and payable prior to such termination shall not be affected.  All obligations of the parties in respect of a Transaction shall, if they have not already been terminated in accordance with this GTC, terminate on the earlier of:\~(a) payment by the Seller to the Buyer of the Seller Payment; and (b) if no Bankruptcy Event has occurred before the Scheduled Termination Date in respect of the Reference Entity which is the subject of the Transaction, the Scheduled Termination Date; and (c) if a Bankruptcy Event has occurred before the Scheduled Termination Date in respect of the Reference Entity which is the subject of the Transaction, midnight on the date falling 14 days after the Scheduled Termination Date.  Termination of a Transaction or this GTC shall not affect any rights, obligations or liabilities arising under that Transaction or this GTC prior to such termina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9.\tab Miscellaneou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1418\tx2126\tx2835\tx3544\tx4253\tx4961\tx5670\tqr\tx8363\adjustright \f66\fs20\lang2057\kerning16\cgrid {Each Transaction and this GTC shall be binding upon and inure for the benefit of the parties and their respective successors and permitted assigns.  Subject to the following provisions of this Section, neither party shall have the power to assign or otherwise transfer all or any of its rights or obligations under a Transaction without the prior written consent of the other party, which consent shall not be unreasonably withheld or delayed, and any purported assignment or transfer in violation of this provision shall be void and of no force and effect}{\revised\revauth1\revdttm1178762243 ; for the avoidance of doubt, it shall not be unreasonable to withhold consent to a proposed transfer or assignment if on the next }{\revised\revauth1\revdttm1178762245 succeeding }{\revised\revauth1\revdttm1178762244 Payment Date}{\revised\revauth1\revdttm1178762245 , the non-transferring or non-assigning party will be required to gross up its payments to the proposed transferee or assignee or receive payments from the proposed transferee net of withho}{\revised\revauth1\revdttm1178762247 l}{\revised\revauth1\revdttm1178762245 ding }{\revised\revauth1\revdttm1178762246 or deduction that would not otherwise be required hereunder or under applicable law in the absence of the proposed assignment or transfer }{.  Enron may assign and/or transfer the whole or any part of its rights or obligations under any Transaction(s) and this GTC to one or more Affiliat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The governing law and jurisdiction applicable to each Transaction and this GTC shall be determined according to paragraph 1 of the Schedule to this GTC.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Enron and Counterparty agree that the words \ldblquote financial products,\rdblquote  shall be inserted in the sixth line of the first paragraph of the ETA after the words \ldblquote for the trading of products and instruments based on\rdblquote .  Notwithstanding Section 3(a) of the ETA, this GTC shall constitute, along with all the other provisions of the ETA and any other applicable terms contained on this website, the entire agreement between the parties, and shall supersede all prior oral or written communications or agreements, relating to the Transaction.  In the event of any conflict between the ETA and this GTC, this GTC shall prevail.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Any party in default hereunder shall reimburse the other party, on demand, for actual, reasonable out-of-pocket expenses (and any interest thereon at the Interest Rate), including, without limitation, reasonable legal fees and expenses incurred by the other party during the occurrence and continuation of such default in connection with the enforcement of, or the preservation of its rights in respect of, a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fi-708\li709\sa280\sl280\slmult0\keepn\widctlpar\tx709\tx1418\tx2126\tx2835\tx3544\tx4253\tx4961\tx5670\tqr\tx8363\outlinelevel0\adjustright \b\f66\fs20\lang2057\kerning16\cgrid {10.\tab Notic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1418\tx2126\tx2835\tx3544\tx4253\tx4961\tx5670\tqr\tx8363\adjustright \f66\fs20\lang2057\kerning16\cgrid {All notices in connection with a Transaction may be given between 9.00\~a.m. and 4.00\~p.m. on a Business Day by hand delivery (effective upon attempted delivery), overnight mail service (effective upon scheduled weekday delivery day), telex (effective upon receipt of answerback) or telefacsimile (effective upon receipt of evidence, including telefacsimile evidence, that the telefacsimile was received), as specified or as may be subsequently designated by effective notice.  If such notice is delivered after 4.00\~p.m. on a Business Day, it will be deemed to be delivered on the next following Business Da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fi-708\li709\sa280\sl280\slmult0\keepn\widctlpar\tx709\tx1418\tx2126\tx2835\tx3544\tx4253\tx4961\tx5670\tqr\tx8363\outlinelevel0\adjustright \b\f66\fs20\lang2057\kerning16\cgrid {11.\tab Amendmen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1418\tx2126\tx2835\tx3544\tx4253\tx4961\tx5670\tqr\tx8363\adjustright \f66\fs20\lang2057\kerning16\cgrid {The terms of this GTC may be amended from time to time by Enron without the consent of Counterparty.  If Enron amends this GTC without the consent of Counterparty, it will notify Counterparty of the revised terms of the GTC on the website prior to Enron and Counterparty entering into any further Transactions.  Any such revised terms will be effective only in respect of Transactions which are entered into by the parties after such notice has been given and by entering into a Transaction after such notice has been given Counterparty shall be deemed to have agreed to be bound by the revised term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12.\tab Tax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3\qj\fi-709\li1418\sa280\sl280\slmult0\keepn\widctlpar\tx1418\tx2126\tx2835\tx3544\tx4253\tx4961\tx5670\tqr\tx8363\outlinelevel2\adjustright \f66\fs20\lang2057\kerning16\cgrid {(A)\tab Payor Representat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1418\sa280\sl280\slmult0\widctlpar\tx709\tx1418\tx2126\tx2835\tx3544\tx4253\tx4961\tx5670\tqr\tx8363\adjustright \f66\fs20\lang2057\kerning16\cgrid {In connection with making all payments under a Transaction, each party makes the following payor representa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t is not required by any applicable law, as modified by the practice of any Relevant Jurisdiction, to make any deduction or withholding for or on account of any Tax from any payment (other than any interest payments under a Transaction) to be made by it to the other party under a Transaction. In making this representation, it may rely on the accuracy of the Tax representations and covenants made by the other part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For the purposes of this representation, \ldblquote Relevant Jurisdiction\rdblquote  means any jurisdiction (i) in which the party is incorporated, organised, managed and controlled, or is considered to have a seat, (ii) where a branch or office through which the party is acting for the purposes of the relevant Transaction is located, (iii) in which the party executes the relevant Transaction, or (iv) in relation to any payment, from or through which such payment is mad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3\qj\fi-709\li1418\sa280\sl280\slmult0\keepn\widctlpar\tx1418\tx2126\tx2835\tx3544\tx4253\tx4961\tx5670\tqr\tx8363\outlinelevel2\adjustright \f66\fs20\lang2057\kerning16\cgrid {(B)\tab Payee Representat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1418\sa280\sl280\slmult0\keepn\widctlpar\tx709\tx1418\tx2126\tx2835\tx3544\tx4253\tx4961\tx5670\tqr\tx8363\adjustright \f66\fs20\lang2057\kerning16\cgrid {In connection with receiving all payments under a Transaction, Counterparty makes the following payee representat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li1418\sa280\sl280\slmult0\widctlpar\tx709\tx1418\tx2126\tx2835\tx3544\tx4253\tx4961\tx5670\tqr\tx8363\adjustright {It is fully eligible for the benefits of the \ldblquote Business Profits\rdblquote  or \ldblquote Industrial and Commercial Profits\rdblquote  provision, as the case may be, the \ldblquote Interest\rdblquote  provision or the \ldblquote Other Income\rdblquote  provision (if any) of the Counterparty Residenc}{\revised\revauth1\revdttm1178762249 e}{\deleted\revauthdel1\revdttmdel1178762249 y}{ Treaty (if any) with respect to any payment described in such provisions and received or to be received by it in connection with the }{\deleted\revauthdel1\revdttmdel1178762248 0}{Transaction, and (unless the Counterparty Branch Jurisdiction (if any) or the Counterparty Residence Jurisdiction is the United }{\deleted\revauthdel1\revdttmdel1178762248 Kingdom}{\revised\revauth1\revdttm1178762248 States}{) no such payment is attributable to a trade or business carried on by it through a permanent establishment in the }{\deleted\revauthdel1\revdttmdel1178762248 United Kingdom }{\revised\revauth1\revdttm1178762248 Stat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n connection with receiving all payments under a Transaction, Enron makes the following payee representat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t is fully eligible for the benefits of the \ldblquote Business Profits\rdblquote  or \ldblquote Industrial and Commercial Profits\rdblquote  provision, as the case may be, the \ldblquote Interest\rquote  provision or the \ldblquote Other Income\rdblquote  provision (if any) of the Counterparty Residence Treaty (if any) with respect to any payment described in such provisions and received or to be received by it in connection with the Transaction, and (unless the Counterparty Residence Jurisdiction is the United }{\deleted\revauthdel1\revdttmdel1178762249 Kingdom}{\revised\revauth1\revdttm1178762249 States}{) no such payment is attributable to a trade or business carried on by it through a permanent establishment in the Counterparty Residence Jurisdi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f there is a Counterparty Branch Jurisdiction, it is fully eligible for the benefits of the \ldblquote Business Profits\rdblquote  or \ldblquote Industrial and Commercial Profits\rdblquote  provision, as the case may be, the \ldblquote Interest\rdblquote  provision or the \ldblquote Other Income\rdblquote  provision (if any) of the Counterparty Branch Treaty (if any) with respect to any payment described in such provision and received or to be received by it in connection with the Transaction, and (unless the Branch Jurisdiction is the United }{\deleted\revauthdel1\revdttmdel1178762249 Kingdom}{\revised\revauth1\revdttm1178762249 States}{) no such payment is attributable to a trade or business carried on by it through a permanent establishment in the Counterparty Branch Jurisdi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ldblquote }{\i Counterparty}{ }{\i Branch Jurisdiction}{\rdblquote  means the jurisdiction (if any) specified as such by the parties to a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ldblquote }{\i Counterparty Branch Treaty}{\rdblquote  means the income tax treaty between the United States and the Branch Jurisdiction provided that, where there is no such treaty, there shall be no Counterparty Branch Treat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ldblquote }{\i Counterparty Residence Treaty}{\rdblquote  means the income tax treaty between the United }{\deleted\revauthdel1\revdttmdel1178762249 Kingdom  }{\revised\revauth1\revdttm1178762249 States }{and the Counterparty Residence Jurisdiction provided that, where there is no such treaty, there shall be no Counterparty Residence Treat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ldblquote }{\i Counterparty Residence Jurisdiction}{\rdblquote  means the jurisdiction specified as such by the parties to a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3\qj\fi-709\li1418\sa280\sl280\slmult0\keepn\widctlpar\tx1418\tx2126\tx2835\tx3544\tx4253\tx4961\tx5670\tqr\tx8363\outlinelevel2\adjustright \f66\fs20\lang2057\kerning16\cgrid {(C)\tab Changes in Representa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1418\sa280\sl280\slmult0\widctlpar\tx709\tx1418\tx2126\tx2835\tx3544\tx4253\tx4961\tx5670\tqr\tx8363\adjustright \f66\fs20\lang2057\kerning16\cgrid {If any representation made under this Section becomes untrue or inaccurate during the term of a Transaction, the party whose representation has changed shall promptly give the other party written notice of such chang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3\qj\fi-709\li1418\sa280\sl280\slmult0\keepn\widctlpar\tx1418\tx2126\tx2835\tx3544\tx4253\tx4961\tx5670\tqr\tx8363\outlinelevel2\adjustright \f66\fs20\lang2057\kerning16\cgrid {(D)\tab Withholding Tax Exemption Form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1418\sa280\sl280\slmult0\widctlpar\tx709\tx1418\tx2126\tx2835\tx3544\tx4253\tx4961\tx5670\tqr\tx8363\adjustright \f66\fs20\lang2057\kerning16\cgrid {Upon request, each party shall provide the other with }{\revised\revauth1\revdttm1178762294 (or if a party has assigned its rights hereunder, procure the provision of) }{a properly completed and executed exemption form, certificate or other document that will allow the other party to make any payment hereunder without deduction or withholding for Tax, including, but not limited to, the United States }{\deleted\revauthdel1\revdttmdel1178762250 Inland }{\revised\revauth1\revdttm1178762250 Internal }{Revenue }{\revised\revauth1\revdttm1178762250 Service }{Form W-8}{\deleted\revauthdel1\revdttmdel1178762250  and }{\revised\revauth1\revdttm1178762250 , }{1001 }{\revised\revauth1\revdttm1178762250 and/or 4224 }{and }{\revised\revauth1\revdttm1178762250 appropriate }{successor forms}{\revised\revauth1\revdttm1178762250  thereto}{.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3\qj\fi-709\li1418\sa280\sl280\slmult0\keepn\widctlpar\tx1418\tx2126\tx2835\tx3544\tx4253\tx4961\tx5670\tqr\tx8363\outlinelevel2\adjustright \f66\fs20\lang2057\kerning16\cgrid {(E)\tab Gross Up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1418\sa280\sl280\slmult0\widctlpar\tx709\tx1418\tx2126\tx2835\tx3544\tx4253\tx4961\tx5670\tqr\tx8363\adjustright \f66\fs20\lang2057\kerning16\cgrid {All payments under a Transaction will be made without any deduction or withholding for or on account of any Tax, unless such deduction or withholding is required by any applicable law, modified by the practice of any relevant governmental revenue authority then in effect. If a party is so required to deduct or withhold then that party (\ldblquote X\rdblquote ) will: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4\qj\fi-708\li2126\sa280\sl280\slmult0\widctlpar\tx1418\tx2138\tx2835\tx3544\tx4253\tx4961\tx5670\tqr\tx8363\outlinelevel3\adjustright \f66\fs20\lang2057\kerning16\cgrid {(i)\tab Promptly notify the other party (\ldblquote Y\rdblquote ) of such requirement; an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i)\tab Pay the relevant authorities the full amount required to be deducted or withheld (including the full amount required to be deducted or withheld from any additional amount paid by X to Y under this subsection (E)) promptly upon the earlier of determining that such deduction or withholding is required or receiving notice that such amount has been assessed against Y; an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ii)\tab Promptly forward to Y an official receipt (or certified copy thereof) or other documentation reasonably acceptable to Y evidencing such payment to such authorities; an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v)\tab If such Tax is an Indemnifiable Tax, pay to Y, in addition to the payment which Y is otherwise entitled to under the Transaction, such additional amount as is necessary to ensure that the net amount actually received by Y (free and clear of Indemnifiable Taxes, whether assessed against X or Y) will equal the full amount Y would have received had no such deduction or withholding been required. However, X will not be required to pay any additional amount to Y to the extent that it would not be required to be paid but for: (a) the failure by Y to comply with or perform any agreement contained in subsection (C) or (D); or (b) the failure of a representation made by Y pursuant to subsection (B) to be accurate and true, unless such failure would not have occurred but for a Change  in Tax Law.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3\qj\fi-709\li1418\sa280\sl280\slmult0\keepn\widctlpar\tx1418\tx2126\tx2835\tx3544\tx4253\tx4961\tx5670\tqr\tx8363\outlinelevel2\adjustright \f66\fs20\lang2057\kerning16\cgrid {(F)\tab Liabilit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1418\sa280\sl280\slmult0\keepn\widctlpar\tx709\tx1418\tx2126\tx2835\tx3544\tx4253\tx4961\tx5670\tqr\tx8363\adjustright \f66\fs20\lang2057\kerning16\cgrid {If: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4\qj\fi-708\li2126\sa280\sl280\slmult0\widctlpar\tx1418\tx2138\tx2835\tx3544\tx4253\tx4961\tx5670\tqr\tx8363\outlinelevel3\adjustright \f66\fs20\lang2057\kerning16\cgrid {(i)\tab X is required by any applicable law, as modified by the practice of any relevant governmental revenue authority, to make any deduction or withholding for or on account of any Tax in respect of which X would not be required to pay an additional amount to Y under subsection (E)(iv); an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i)\tab X does not so deduct or withhold; an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ii)\tab A liability resulting from such Tax is assessed directly against X then, except to the extent that Y has satisfied or then satisfies the liability resulting from such Tax, Y will promptly pay to X the amount of such liability (including any related liability for interest, but including any related liability for penalties only if Y failed to comply with or perform any agreement contained in subsection (C) or (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3\qj\fi-709\li1418\sa280\sl280\slmult0\keepn\widctlpar\tx1418\tx2126\tx2835\tx3544\tx4253\tx4961\tx5670\tqr\tx8363\outlinelevel2\adjustright \f66\fs20\lang2057\kerning16\cgrid {(G)\tab Change in Tax Law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1418\sa280\sl280\slmult0\keepn\widctlpar\tx709\tx1418\tx2126\tx2835\tx3544\tx4253\tx4961\tx5670\tqr\tx8363\adjustright \f66\fs20\lang2057\kerning16\cgrid {If, as a result of a Change in Tax Law, Counterparty or Enron will, or there is a substantial likelihood that it will, on the next succeeding payment dat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4\qj\fi-708\li2126\sa280\sl280\slmult0\widctlpar\tx1418\tx2138\tx2835\tx3544\tx4253\tx4961\tx5670\tqr\tx8363\outlinelevel3\adjustright \f66\fs20\lang2057\kerning16\cgrid {(i)\tab Be required to pay to the other party an additional amount in respect of an Indemnifiable Tax (except in respect of any interest payable under the Transaction); o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i)\tab Receive a payment from which an amount is required to be deducted or withheld on account of a any Tax (except in respect of any interest payable under the Transaction) and no additional amount is required to be paid in respect of such Tax under subsection (E)(iv) (other than by reason of subsection (E)(iv)(a) or (b))}{\revised\revauth1\revdttm1178762250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s4\qj\li1418\sa280\sl280\slmult0\widctlpar\tx1418\tx2138\tx2835\tx3544\tx4253\tx4961\tx5670\tqr\tx8363\outlinelevel3\pnrnot1\adjustright {\deleted\revauthdel1\revdttmdel1178762251  }{then such party may, in its sole discretion, upon two (2) Business Days notice to the other party, designate an Early Termination Date under Section 6 of this GTC. For purposes of calculating Gains, Losses and Costs under Section 6 of this GTC, the party designating the Early Termination Date as a result of a Change in Tax Law shall be treated as the Defaulting Party, and the other party shall be treated as the non-defaulting part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3\qj\fi-709\li1418\sa280\sl280\slmult0\keepn\widctlpar\tx1418\tx2126\tx2835\tx3544\tx4253\tx4961\tx5670\tqr\tx8363\outlinelevel2\adjustright \f66\fs20\lang2057\kerning16\cgrid {(H)\tab Miscellaneou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1418\sa280\sl280\slmult0\widctlpar\tx709\tx1418\tx2126\tx2835\tx3544\tx4253\tx4961\tx5670\tqr\tx8363\adjustright \f66\fs20\lang2057\kerning16\cgrid {It shall not be an Event of Default under this GTC if any of the representations or warranties contained in this Section prove to have been false or misleading in any material respect or if a party breaches any agreement or covenant in this Section (other than any agreement or covenant under subsections (E), (F) or (G)).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13.\tab Currency Provis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1418\tx2126\tx2835\tx3544\tx4253\tx4961\tx5670\tqr\tx8363\adjustright \f66\fs20\lang2057\kerning16\cgrid {Each payment under each Transaction will be made in the Contractual Currency. To the extent permitted by applicable law, if any judgment or order expressed in a currency other than the Contractual Currency is rendered for the payment of any amount owing under a Transaction, the party seeking recovery, after recovery in full of the aggregate amount to which such party is entitled pursuant to the judgment or order, will be entitled to receive immediately from the other party the amount of any shortfall of the Contractual Currency received by such party as a consequence of sums paid in such other currency and will promptly refund to the other party any excess of the Contractual Currency received by such party as a result of sums paid in such other currency if such shortfall or excess arises or results from any variation between the exchange rate (including any premiums and exchange costs) at which the Contractual Currency is converted into the currency of the judgment or order for purposes of the judgment or order and the exchange rate (including any premiums and exchange costs) at which such party is able, acting in a reasonable and good faith manner in converting the currency received into the Contractual Currency, to purchase the Contractual Currency with the amount of the currency of the judgment or order actually received by such part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14.\tab General Definit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keepn\widctlpar\tx709\tx1418\tx2126\tx2835\tx3544\tx4253\tx4961\tx5670\tqr\tx8363\adjustright \f66\fs20\lang2057\kerning16\cgrid {As used in this GTC: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li720\sa280\sl280\slmult0\widctlpar\tx709\tx1418\tx2126\tx2835\tx3544\tx4253\tx4961\tx5670\tqr\tx8363\adjustright {\ldblquote }{\i Affiliate}{\rdblquote  shall mea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5\qj\fi-709\li1418\sa280\sl280\slmult0\widctlpar\tx1418\tx2126\tx3119\tx3544\tx4253\tx4961\tx5670\tqr\tx8363\outlinelevel4\adjustright \f66\fs20\lang2057\kerning16\cgrid {(a)\tab in relation to any party, any entity, directly or indirectly in the Control of the party, any entity that Controls, directly or indirectly, the party or any entity directly or indirectly under common Control with the party; an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b)\tab in relation to Enron, any entity, whether or not under the Control of Enron or under the Control of any entity falling within paragraph (a) above, established by Enron and/or or any entity falling within paragraph (a) above in connection with a financing transaction (including, without limitation, any monetisation, securitisation or sub-participation of Enron\rquote s rights and/or obligations under any or all of the Transactions entered into pursuant to this GTC).}{\strik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s5\fi-709\li1418\sa280\sl280\slmult0\widctlpar\tx1418\tx2126\tx3119\tx3544\tx4253\tx4961\tx5670\tqr\tx8363\outlinelevel4\adjustright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keepn\widctlpar\tx709\tx1418\tx2126\tx2835\tx3544\tx4253\tx4961\tx5670\tqr\tx8363\adjustright \f66\fs20\lang2057\kerning16\cgrid {\i \ldblquote Bankruptcy Event\rdblquote }{ shall mea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fi-709\li1418\sa280\sl280\slmult0\widctlpar\tx709\tx1418\tx2126\tx2835\tx3544\tx4253\tx4961\tx5670\tqr\tx8363\adjustright {(i) \tab the Reference Entity is dissolved (other than pursuant to a consolidation, amalgamation or merge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i)\tab the Reference Entity makes a general assignment, arrangement or composition with or for the benefit of its creditor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ii) \tab the Reference Entity institutes with respect to itself or has instituted against it a proceeding seeking a judgement of insolvency or bankruptcy or any other relief under any bankruptcy or insolvency law or other similar law affecting creditors\rquote  rights, or a petition is presented for its winding-up or liquidation, and, in the case of any such proceeding or petition instituted or presented against it, such proceeding or peti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fi-709\li2127\sa280\sl280\slmult0\widctlpar\tx709\tx1418\tx2126\tx2835\tx3544\tx4253\tx4961\tx5670\tqr\tx8363\adjustright {(a)\tab results in a judgement of insolvency or bankruptcy or the entry of an order for relief or the making of an order for its winding-up or liquidation; o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b)\tab is not dismissed, discharged, stayed or restrained, in each case within 30 days of the institution or presentation thereof;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fi-709\li1418\sa280\sl280\slmult0\widctlpar\tx709\tx1418\tx2126\tx2835\tx3544\tx4253\tx4961\tx5670\tqr\tx8363\adjustright {(iv) \tab the Reference Entity has a resolution passed for its winding-up, official management or liquidation (other than pursuant to a consolidation, amalgamation or merge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v) \tab the Reference Entity seeks or becomes subject to the appointment of an administrator, provisional liquidator, conservator, receiver, trustee, custodian or other similar official for it or for all or substantially all its asset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vi) \tab the Reference Entity has a secured party take possession of all or substantially all its assets or has a distress, execution, attachment, sequestration or other legal process levied, enforced or sued on or against all or substantially all its assets and such secured party maintains possession, or any such process is not dismissed, discharged, stayed or restrained, in each case within 30 days thereafte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vii) \tab the Reference Entity causes or is subject to any event with respect to it which, under the applicable laws of any jurisdiction, has an analogous effect to any of the events specified in clauses (i) to (vi) (inclusive); o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viii) \tab takes any action in furtherance of, or indicating its consent to, approval of, or acquiescence in, any of the foregoing act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li709\sa280\sl280\slmult0\widctlpar\tx709\tx1418\tx2126\tx2835\tx3544\tx4253\tx4961\tx5670\tqr\tx8363\adjustright {\i \ldblquote Bankruptcy Event Notice\rdblquote }{ shall mean an irrevocable notice delivered by one party to the other  that describes in reasonable detail a Bankruptcy Event occurring on or after the Effective Date and on or before the Scheduled Termination Dat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Business Day\rdblquote  }{shall have the meaning set out in Paragraph\~2 of the Schedule to this GTC.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Buyer\rdblquote }{ shall mean the purchaser of the Credit Product in respect of a Transaction as set out on this website and recorded in Enron\rquote s electronic records in respect of the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Buyer Payment\rdblquote }{ shall mean the amount to be paid on each Buyer Payment Date by the Buyer to the Seller to purchase the Credit Product pursuant to a Transaction as set out on this website and recorded in Enron\rquote s electronic records in respect of the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li709\sa280\sl280\slmult0\keepn\widctlpar\tx709\tx1418\tx2126\tx2835\tx3544\tx4253\tx4961\tx5670\tqr\tx8363\adjustright {\i \ldblquote Buyer Payment Date\rdblquote }{ shall mean in respect of a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fi-709\li1418\sa280\sl280\slmult0\widctlpar\tx709\tx1418\tx2126\tx2835\tx3544\tx4253\tx4961\tx5670\tqr\tx8363\adjustright {(i)\tab in respect of the first payment, the first Quarter Day falling after the Effective Date for that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i)\tab in respect of the second and each subsequent payment, each Quarter Day falling before the Scheduled Termination Date an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ii)\tab in respect of the final payment, the Scheduled Termination Dat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qj\li709\sa280\sl280\slmult0\widctlpar\tx709\tx1418\tx2126\tx2835\tx3544\tx4253\tx4961\tx5670\tqr\tx8363\adjustright {\i \ldblquote Change in Tax Law\rdblquote  }{shall mean any proposed or final rulemaking published by a taxing authority, or a final decision of a court of competent jurisdiction, after the }{\deleted\revauthdel1\revdttmdel1178762251 [date hereof] [}{Trade Date of the relevant Transaction}{\deleted\revauthdel1\revdttmdel1178762251 ]}{ (regardless of whether}{\b  }{such rulemaking or final decision is made with respect to a party to a Transaction), or the enactment, promulgation, execution, or ratification of, or any change in or amendment to, any law or regulation (or the application or interpretation of any law, as determined by a court or as determined by the opinion of independent counsel mutually acceptable to Counterparty and Enron) after the }{\deleted\revauthdel1\revdttmdel1178762251 [date hereof] [}{Trade date of the relevant Transaction}{\deleted\revauthdel1\revdttmdel1178762251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Contract Currency\rdblquote }{ shall mean the currency in which the Buyer Payments and Seller Payment shall be made in respect of a Transaction as set out on this website and recorded in Enron\rquote s electronic records in respect of the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Control\rdblquote }{ shall mean in respect of an entity the right to exercise more than 50 per cent. of the voting power in that entity and control shall be deemed to exist through (a) the direct or indirect ownership of 50 per cent}{\deleted\revauthdel1\revdttmdel1178762252 .}{ or more of the nominal value of the equity or issued share capital or of the shares or of 50 per cent}{\deleted\revauthdel1\revdttmdel1178762252 .}{ or more of the shares or equity entitling the holders to vote for the appointment of directors or persons performing similar functions, or (b) the right by any other means to appoint directors or persons performing similar functions who have a majority vote on the board of that entity.  }{\i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ldblquote Credit Product\rdblquote }{ shall mean in respect of a Transaction the credit protection which the parties to such Transaction buy or sell in respect of the  Reference Entity the subject of such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Derivative Transaction\rdblquote }{ shall mean any swap, option or other financially-settled derivative transaction between the parties (but, for the avoidance of doubt, shall not include any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Determination Agent\rdblquote }{ shall mean Enr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Effective Date\rdblquote }{ shall mean 12.01 a.m.  on the date falling two Months after the Trade Date.}{\strik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deleted\revauthdel1\revdttmdel1178762252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ETA\rdblquote }{ shall mean the electronic trading agreement (as amended or modified) entered into by the parties in respect of Transaction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Indemnifiable Tax\rdblquote }{ shall mean any Tax, other than a Tax that would not be imposed in respect of a payment made under the relevant Transaction but for a present or former connection between the jurisdiction of the government or taxing authority imposing such Tax and the recipient of such payment or a person related to such recipient (including, without limitation, a connection arising from such recipient or related person (i) being or having been a citizen or resident of, (ii) being or having been organised in, (iii) being or having been present or engaged in a trade or business in, or (iv) having or having had a permanent establishment or fixed place of business in, that jurisdiction), but excluding a connection arising solely from that recipient or related person having executed, delivered, enforced or performed obligations or received a payment under the relevant Transaction or any letter of credit or guarantee provided pursuant to Section 4.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Interest Rate\rdblquote }{ shall mean (a) with respect to a non-defaulting party, a per annum rate of interest equal to the one month USD LIBOR as published as of 11.00\~a.m. (London Time) by Barclays Bank PLC, and (b) with respect to a Defaulting Party, a per annum rate of interest equal to three percent (3%) over such rate; provided, however, in either case the Interest Rate may never exceed the maximum lawful rate under applicable law.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ldblquote }{\i Month}{\rdblquote  shall mean calendar month.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Notice of Publicly Available Information\rdblquote }{ shall mean an irrevocable notice delivered by one party to the other  that confirms in reasonable detail the occurrence of a Bankruptcy Event described in a Bankruptcy Event Notice with Publicly Available Information.  If a Bankruptcy Event Notice confirms the existence or occurrence of a Bankruptcy Event with Publicly Available Information, such notice will also be deemed to be a Notice of Publicly Available Information.  }{\i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ldblquote Payment Date\rdblquote }{ shall mean each of the Buyer Payment Date or the Seller Payment Date or both such dates as the context may requir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Publicly Available Information\rdblquote }{ shall mean information that reasonably confirms any of the assertions made in a Bankruptcy Event Notice and that has been published in or on (a)\~not less than two of the following news sources (and any of their successor news sources): Bloomberg Service, Dow Jones Telerate Service, Reuter Monitor Money Rates Services, Dow Jones News Wire, Wall Street Journal, New York Times, Financial Times or (b)\~any official gazette or bulletin published or maintained by the government or a governmental agency or court agency of the country in which the Reference Entity is incorporated or organised.  If the Buyer or any of its Affiliates is cited by any such news source as the sole source for such information, then such information shall not be deemed to be Publicly Available Informa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ldblquote }{\i Quarter Day}{\rdblquote  shall mean the last Business Day in March, June, September and Decembe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Reference Entity\rdblquote }{ shall mean the entity in respect of which the Credit Product is being bought and sold as set out on this website and recorded in Enron\rquote s electronic records in respect of a Transaction and any Successo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Scheduled Termination Date\rdblquote }{ shall mean in respect of a Transaction 12.01 a.m. on the scheduled termination date set out on this website and recorded in Enron\rquote s electronic records in respect of the  Transaction or, if that day is not a Business Day, the immediately preceding Business Da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Seller\rdblquote }{ shall mean the Seller of the Credit Product as set out on this website and recorded in Enron\rquote s electronic records in respect of a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Seller Payment\rdblquote }{ shall mean the amount to be paid by the Seller in accordance with the terms of the GTC following the occurrence of a Bankruptcy Event as set out on this website and recorded in Enron\rquote s electronic records in respect of a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Seller Payment Date\rdblquote }{ shall mean the date falling five Business Days after the date on which  a valid Bankruptcy Event Notice and a Notice of Publicly Available Information is delivered by one party to the other.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Successor\rdblquote }{ shall mean a direct or indirect successor to a Reference Entity that assumes all or substantially all of the obligations of the Reference Entity by way of merger, consolidation, amalgamation, transfer or otherwise, whether by operation of law or pursuant to any agreement, as determined by the Determination Agen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Tax\rdblquote }{ shall mean any present or future tax, levy, impost, duty, charge, assessment or fee of any nature (including any increase in the rate thereof and any interest, penalties and additions thereto) that is imposed by any government or other taxing authority in respect of any payment made under the relevant Transaction, other than a stamp, registration, documentation or similar tax.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i \ldblquote Trade Date\rdblquote  }{shall mean the date the parties enter into a Transaction as set out on this website and recorded in Enron\rquote s electronic records in respect of that Transaction.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References in this GTC to times are to the times set out in Paragraph\~3 of the Schedule to this GTC.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References in this GTC to any statutes or other legislation are to such statutes or legislation as amended, modified, replaced or re-enacted from time to tim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6\qc\sa280\sl280\slmult0\keepn\widctlpar\tx709\tx1418\tx2126\tx2835\tx3544\tx4253\tx4961\tx5670\tqr\tx8363\adjustright \b\f66\fs20\lang2057\kerning16\cgrid {\page SCHEDULE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c\sa280\sl280\slmult0\widctlpar\tx709\tx1418\tx2126\tx2835\tx3544\tx4253\tx4961\tx5670\tqr\tx8363\adjustright \f66\fs20\lang2057\kerning16\cgrid {\b Amendments to the GTC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fi-708\li709\sa280\sl280\slmult0\keepn\widctlpar\tx709\tx1418\tx2126\tx2835\tx3544\tx4253\tx4961\tx5670\tqr\tx8363\outlinelevel0\adjustright \b\f66\fs20\lang2057\kerning16\cgrid {\b0 1.\tab }{Governing law and jurisdiction}{\b0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1418\tx2126\tx2835\tx3544\tx4253\tx4961\tx5670\tqr\tx8363\adjustright \f66\fs20\lang2057\kerning16\cgrid {\b Where Counterparty to a Transaction is incorporated or organised outside of the United States or Canada, the Transaction and this GTC shall be governed by, interpreted and construed in accordance with the laws of England and each party agrees to submit to the non-exclusive jurisdiction of the Courts of England and Wales and waives any claim that any proceedings brought in such courts have been brought in an inconvenient form.}{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b Where the Counterparty to a Transaction is incorporated or organised in the United\~Stated or Canada, the Transaction and this GTC shall be governed by, interpreted and construed in accordance with the laws of the State of New\~York and each party agrees to submit to the non-exclusive jurisdiction of the Courts of New\~York and waives any claim that any proceedings brought in such courts have been brought in an inconvenient forum.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fi-708\li709\sa280\sl280\slmult0\keepn\widctlpar\tx709\tx1418\tx2126\tx2835\tx3544\tx4253\tx4961\tx5670\tqr\tx8363\outlinelevel0\adjustright \b\f66\fs20\lang2057\kerning16\cgrid {2.\tab Business Da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1418\tx2126\tx2835\tx3544\tx4253\tx4961\tx5670\tqr\tx8363\adjustright \f66\fs20\lang2057\kerning16\cgrid {Where Counterparty to a Transaction is incorporated or organised outside of the United\~States or Canada, \ldblquote }{\i Business Day}{\rdblquote  shall mean a day (other than a Saturday or a Sunday) on which commercial banks are open for domestic business in London.  Where Counterparty to a Transaction is incorporated or organised in the United\~States or Canada, \ldblquote }{\i Business Day}{\rdblquote  shall mean a day (other than a Saturday or a Sunday) on which commercial banks are open for domestic business in New\~York.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fi-708\li709\sa280\sl280\slmult0\keepn\widctlpar\tx709\tx1418\tx2126\tx2835\tx3544\tx4253\tx4961\tx5670\tqr\tx8363\outlinelevel0\adjustright \b\f66\fs20\lang2057\kerning16\cgrid {\b0 3.\tab }{Times}{\b0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2126\tx2835\tx3544\tx4253\tx4961\tx5670\tqr\tx8363\adjustright \f66\fs20\lang2057\kerning16\cgrid {Where Counterparty to a Transaction is incorporated or organised outside of the United\~States or Canada, references to times shall be construed as references to London time.  Where Counterparty to a Transaction is incorporated or organised in the United\~States or Canada, references to time shall be construed as references to Central Standard Time in the United\~State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4.\tab Exclusion of third party rights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22\qj\fi-709\li709\sa280\sl280\slmult0\widctlpar\tx709\tx1418\tx2126\tx2835\tx3544\tx4253\tx4961\tx5670\tqr\tx8363\adjustright \f66\fs20\lang2057\kerning16\cgrid {\tab Where pursuant to Paragraph 1 of this Schedule this GTC is to be governed by the laws of England, the parties do not intend that any term of this GTC should be enforceable, by virtue of the Contracts (Rights of Third Parties) Act 1999, by any person who is not a party to this GTC.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1\qj\fi-708\li709\sa280\sl280\slmult0\keepn\widctlpar\tx709\tx1418\tx2126\tx2835\tx3544\tx4253\tx4961\tx5670\tqr\tx8363\outlinelevel0\adjustright \b\f66\fs20\lang2057\kerning16\cgrid {5.\tab Event of default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qj\li709\sa280\sl280\slmult0\widctlpar\tx709\tx1418\tx2126\tx2835\tx3544\tx4253\tx4961\tx5670\tqr\tx8363\adjustright \f66\fs20\lang2057\kerning16\cgrid {Where Counterparty to a Transaction is incorporated or organised in Germany: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plain \s5\qj\fi-709\li1418\sa280\sl280\slmult0\widctlpar\tx1418\tx2126\tx3544\tx4253\tx4961\tx5670\tqr\tx8363\outlinelevel4\adjustright \f66\fs20\lang2057\kerning16\cgrid {(a)\tab the words \ldblquote save that, upon the occurrence of an Event of Default specified in Section 5(d), an Early Termination Date shall automatically be designated as the date of occurrence of the Event of Default\rdblquote  shall be inserted at the end of the first sentence of the first paragraph of Section 6; an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s5\qj\fi-851\li1560\sa280\sl280\slmult0\widctlpar\tx1418\tx2126\tx3544\tx4253\tx4961\tx5670\tqr\tx8363\outlinelevel4\adjustright {(b)\tab the third sentence of Section 7 shall be deleted.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 xml:space="preserve">\par }\pard \s5\fi-851\li1560\sa280\sl280\slmult0\widctlpar\tx1418\tx2126\tx3544\tx4253\tx4961\tx5670\tqr\tx8363\outlinelevel4\adjustright { </w:t>
      </w:r>
    </w:p>
    <w:p>
      <w:pPr>
        <w:pStyle w:val="Normal"/>
        <w:bidi w:val="0"/>
        <w:spacing w:lineRule="auto" w:line="240" w:before="0" w:after="0"/>
        <w:ind w:hanging="0" w:start="0" w:end="0"/>
        <w:jc w:val="start"/>
        <w:rPr>
          <w:rFonts w:ascii="Geneva" w:hAnsi="Geneva" w:eastAsia="Geneva" w:cs="Geneva"/>
          <w:color w:val="000000"/>
          <w:sz w:val="24"/>
          <w:szCs w:val="24"/>
        </w:rPr>
      </w:pPr>
      <w:r>
        <w:rPr>
          <w:rFonts w:eastAsia="Geneva" w:cs="Geneva" w:ascii="Geneva" w:hAnsi="Geneva"/>
          <w:color w:val="000000"/>
          <w:sz w:val="24"/>
          <w:szCs w:val="24"/>
        </w:rPr>
        <w:t>\par }}</w:t>
      </w:r>
    </w:p>
    <w:sectPr>
      <w:type w:val="nextPage"/>
      <w:pgSz w:w="12240" w:h="15840"/>
      <w:pgMar w:left="1440" w:right="1440" w:gutter="0" w:header="0" w:top="1440" w:footer="0" w:bottom="1440"/>
      <w:pgNumType w:fmt="decimal"/>
      <w:formProt w:val="false"/>
      <w:textDirection w:val="lrTb"/>
      <w:docGrid w:type="default" w:linePitch="600" w:charSpace="32768"/>
    </w:sectPr>
  </w:body>
</w:document>
</file>

<file path=word/fontTable.xml><?xml version="1.0" encoding="utf-8"?>
<w:fonts xmlns:w="http://schemas.openxmlformats.org/wordprocessingml/2006/main" xmlns:r="http://schemas.openxmlformats.org/officeDocument/2006/relationships">
  <w:font w:name="Times New Roman">
    <w:charset w:val="00" w:characterSet="windows-1252"/>
    <w:family w:val="roman"/>
    <w:pitch w:val="variable"/>
  </w:font>
  <w:font w:name="Symbol">
    <w:charset w:val="02"/>
    <w:family w:val="roman"/>
    <w:pitch w:val="variable"/>
  </w:font>
  <w:font w:name="Arial">
    <w:charset w:val="00" w:characterSet="windows-1252"/>
    <w:family w:val="swiss"/>
    <w:pitch w:val="variable"/>
  </w:font>
  <w:font w:name="Liberation Serif">
    <w:altName w:val="Times New Roman"/>
    <w:charset w:val="01" w:characterSet="utf-8"/>
    <w:family w:val="roman"/>
    <w:pitch w:val="variable"/>
  </w:font>
  <w:font w:name="Liberation Sans">
    <w:altName w:val="Arial"/>
    <w:charset w:val="01" w:characterSet="utf-8"/>
    <w:family w:val="swiss"/>
    <w:pitch w:val="variable"/>
  </w:font>
  <w:font w:name="Geneva">
    <w:charset w:val="01" w:characterSet="utf-8"/>
    <w:family w:val="auto"/>
    <w:pitch w:val="default"/>
  </w:font>
</w:fonts>
</file>

<file path=word/settings.xml><?xml version="1.0" encoding="utf-8"?>
<w:settings xmlns:w="http://schemas.openxmlformats.org/wordprocessingml/2006/main">
  <w:zoom w:percent="100"/>
  <w:defaultTabStop w:val="720"/>
  <w:autoHyphenation w:val="true"/>
  <w:hyphenationZone w:val="0"/>
  <w:compat>
    <w:compatSetting w:name="compatibilityMode" w:uri="http://schemas.microsoft.com/office/word" w:val="15"/>
    <w:compatSetting w:name="useWord2013TrackBottomHyphenation" w:uri="http://schemas.microsoft.com/office/word" w:val="1"/>
    <w:compatSetting w:name="allowHyphenationAtTrackBottom" w:uri="http://schemas.microsoft.com/office/word" w:val="1"/>
  </w:compat>
</w:settings>
</file>

<file path=word/styles.xml><?xml version="1.0" encoding="utf-8"?>
<w:styles xmlns:w="http://schemas.openxmlformats.org/wordprocessingml/2006/main" xmlns:w14="http://schemas.microsoft.com/office/word/2010/wordml" xmlns:mc="http://schemas.openxmlformats.org/markup-compatibility/2006" mc:Ignorable="w14">
  <w:docDefaults>
    <w:rPrDefault>
      <w:rPr>
        <w:rFonts w:ascii="Liberation Serif" w:hAnsi="Liberation Serif" w:eastAsia="Liberation Sans" w:cs="NotoSans NF"/>
        <w:kern w:val="2"/>
        <w:sz w:val="24"/>
        <w:szCs w:val="24"/>
        <w:lang w:val="en-CA" w:eastAsia="zh-CN" w:bidi="hi-IN"/>
      </w:rPr>
    </w:rPrDefault>
    <w:pPrDefault>
      <w:pPr>
        <w:suppressAutoHyphens w:val="true"/>
      </w:pPr>
    </w:pPrDefault>
  </w:docDefaults>
  <w:style w:type="paragraph" w:styleId="Normal">
    <w:name w:val="Normal"/>
    <w:qFormat/>
    <w:pPr>
      <w:widowControl w:val="false"/>
      <w:kinsoku w:val="true"/>
      <w:overflowPunct w:val="true"/>
      <w:autoSpaceDE w:val="true"/>
      <w:bidi w:val="0"/>
    </w:pPr>
    <w:rPr>
      <w:rFonts w:ascii="Liberation Serif" w:hAnsi="Liberation Serif" w:eastAsia="Liberation Sans" w:cs="NotoSans NF"/>
      <w:color w:val="auto"/>
      <w:kern w:val="2"/>
      <w:sz w:val="24"/>
      <w:szCs w:val="24"/>
      <w:lang w:val="en-CA" w:eastAsia="zh-CN" w:bidi="hi-IN"/>
    </w:rPr>
  </w:style>
  <w:style w:type="character" w:styleId="FootnoteSymbol">
    <w:name w:val="Footnote_Symbol"/>
    <w:qFormat/>
    <w:rPr>
      <w:vertAlign w:val="superscript"/>
    </w:rPr>
  </w:style>
  <w:style w:type="character" w:styleId="EndnoteSymbol">
    <w:name w:val="Endnote_Symbol"/>
    <w:qFormat/>
    <w:rPr>
      <w:vertAlign w:val="superscript"/>
    </w:rPr>
  </w:style>
  <w:style w:type="character" w:styleId="FootnoteReference">
    <w:name w:val="footnote reference"/>
    <w:rPr>
      <w:vertAlign w:val="superscript"/>
    </w:rPr>
  </w:style>
  <w:style w:type="character" w:styleId="EndnoteReference">
    <w:name w:val="endnote reference"/>
    <w:rPr>
      <w:vertAlign w:val="superscript"/>
    </w:rPr>
  </w:style>
  <w:style w:type="character" w:styleId="FootnoteAnchor">
    <w:name w:val="Footnote Anchor"/>
    <w:qFormat/>
    <w:rPr>
      <w:vertAlign w:val="superscript"/>
    </w:rPr>
  </w:style>
  <w:style w:type="character" w:styleId="EndnoteAnchor">
    <w:name w:val="Endnote Anchor"/>
    <w:qFormat/>
    <w:rPr>
      <w:vertAlign w:val="superscript"/>
    </w:rPr>
  </w:style>
  <w:style w:type="paragraph" w:styleId="Heading">
    <w:name w:val="Heading"/>
    <w:basedOn w:val="Normal"/>
    <w:next w:val="BodyText"/>
    <w:qFormat/>
    <w:pPr>
      <w:keepNext w:val="true"/>
      <w:spacing w:before="240" w:after="120"/>
    </w:pPr>
    <w:rPr>
      <w:rFonts w:ascii="Liberation Sans" w:hAnsi="Liberation Sans" w:eastAsia="Liberation Sans" w:cs="NotoSans NF"/>
      <w:sz w:val="28"/>
      <w:szCs w:val="28"/>
    </w:rPr>
  </w:style>
  <w:style w:type="paragraph" w:styleId="BodyText">
    <w:name w:val="Body Text"/>
    <w:basedOn w:val="Normal"/>
    <w:pPr>
      <w:spacing w:lineRule="auto" w:line="276" w:before="0" w:after="140"/>
    </w:pPr>
    <w:rPr/>
  </w:style>
  <w:style w:type="paragraph" w:styleId="List">
    <w:name w:val="List"/>
    <w:basedOn w:val="TextBody"/>
    <w:pPr/>
    <w:rPr/>
  </w:style>
  <w:style w:type="paragraph" w:styleId="Caption">
    <w:name w:val="caption"/>
    <w:basedOn w:val="Normal"/>
    <w:qFormat/>
    <w:pPr/>
    <w:rPr/>
  </w:style>
  <w:style w:type="paragraph" w:styleId="Index">
    <w:name w:val="Index"/>
    <w:basedOn w:val="Normal"/>
    <w:qFormat/>
    <w:pPr/>
    <w:rPr/>
  </w:style>
  <w:style w:type="paragraph" w:styleId="TextBody">
    <w:name w:val="Text Body"/>
    <w:basedOn w:val="Normal"/>
    <w:qFormat/>
    <w:pPr/>
    <w:rPr/>
  </w:style>
  <w:style w:type="paragraph" w:styleId="TableContents">
    <w:name w:val="Table Contents"/>
    <w:basedOn w:val="TextBody"/>
    <w:qFormat/>
    <w:pPr/>
    <w:rPr/>
  </w:style>
  <w:style w:type="paragraph" w:styleId="TableHeading">
    <w:name w:val="Table Heading"/>
    <w:basedOn w:val="TableContents"/>
    <w:qFormat/>
    <w:pPr/>
    <w:rPr/>
  </w:style>
  <w:style w:type="paragraph" w:styleId="HeaderandFooter">
    <w:name w:val="Header and Footer"/>
    <w:basedOn w:val="Normal"/>
    <w:qFormat/>
    <w:pPr>
      <w:suppressLineNumbers/>
      <w:tabs>
        <w:tab w:val="clear" w:pos="720"/>
        <w:tab w:val="center" w:pos="4986" w:leader="none"/>
        <w:tab w:val="right" w:pos="9972" w:leader="none"/>
      </w:tabs>
    </w:pPr>
    <w:rPr/>
  </w:style>
  <w:style w:type="paragraph" w:styleId="Header">
    <w:name w:val="header"/>
    <w:basedOn w:val="Normal"/>
    <w:pPr/>
    <w:rPr/>
  </w:style>
  <w:style w:type="paragraph" w:styleId="Footer">
    <w:name w:val="footer"/>
    <w:basedOn w:val="Normal"/>
    <w:pPr/>
    <w:rPr/>
  </w:style>
  <w:style w:type="paragraph" w:styleId="FootnoteText">
    <w:name w:val="footnote text"/>
    <w:basedOn w:val="Normal"/>
    <w:pPr/>
    <w:rPr/>
  </w:style>
  <w:style w:type="paragraph" w:styleId="EndnoteText">
    <w:name w:val="endnote text"/>
    <w:basedOn w:val="Normal"/>
    <w:pPr/>
    <w:rPr/>
  </w:style>
</w:styles>
</file>

<file path=word/_rels/document.xml.rels><?xml version="1.0" encoding="UTF-8"?>
<Relationships xmlns="http://schemas.openxmlformats.org/package/2006/relationships"><Relationship Id="rId1" Type="http://schemas.openxmlformats.org/officeDocument/2006/relationships/styles" Target="styles.xml"/><Relationship Id="rId2" Type="http://schemas.openxmlformats.org/officeDocument/2006/relationships/fontTable" Target="fontTable.xml"/><Relationship Id="rId3" Type="http://schemas.openxmlformats.org/officeDocument/2006/relationships/settings" Target="settings.xml"/><Relationship Id="rId4" Type="http://schemas.openxmlformats.org/officeDocument/2006/relationships/theme" Target="theme/theme1.xml"/>
</Relationships>
</file>

<file path=word/theme/theme1.xml><?xml version="1.0" encoding="utf-8"?>
<a:theme xmlns:a="http://schemas.openxmlformats.org/drawingml/2006/main" xmlns:r="http://schemas.openxmlformats.org/officeDocument/2006/relationships" name="Office">
  <a:themeElements>
    <a:clrScheme name="LibreOffice">
      <a:dk1>
        <a:srgbClr val="000000"/>
      </a:dk1>
      <a:lt1>
        <a:srgbClr val="ffffff"/>
      </a:lt1>
      <a:dk2>
        <a:srgbClr val="000000"/>
      </a:dk2>
      <a:lt2>
        <a:srgbClr val="ffffff"/>
      </a:lt2>
      <a:accent1>
        <a:srgbClr val="18a303"/>
      </a:accent1>
      <a:accent2>
        <a:srgbClr val="0369a3"/>
      </a:accent2>
      <a:accent3>
        <a:srgbClr val="a33e03"/>
      </a:accent3>
      <a:accent4>
        <a:srgbClr val="8e03a3"/>
      </a:accent4>
      <a:accent5>
        <a:srgbClr val="c99c00"/>
      </a:accent5>
      <a:accent6>
        <a:srgbClr val="c9211e"/>
      </a:accent6>
      <a:hlink>
        <a:srgbClr val="0000ee"/>
      </a:hlink>
      <a:folHlink>
        <a:srgbClr val="551a8b"/>
      </a:folHlink>
    </a:clrScheme>
    <a:fontScheme name="Office">
      <a:majorFont>
        <a:latin typeface="Arial" pitchFamily="0" charset="1"/>
        <a:ea typeface="DejaVu Sans" pitchFamily="0" charset="1"/>
        <a:cs typeface="DejaVu Sans" pitchFamily="0" charset="1"/>
      </a:majorFont>
      <a:minorFont>
        <a:latin typeface="Arial" pitchFamily="0" charset="1"/>
        <a:ea typeface="DejaVu Sans" pitchFamily="0" charset="1"/>
        <a:cs typeface="DejaVu Sans" pitchFamily="0" charset="1"/>
      </a:minorFont>
    </a:fontScheme>
    <a:fmtScheme>
      <a:fillStyleLst>
        <a:solidFill>
          <a:schemeClr val="phClr"/>
        </a:solidFill>
        <a:solidFill>
          <a:schemeClr val="phClr"/>
        </a:solidFill>
        <a:solidFill>
          <a:schemeClr val="phClr"/>
        </a:solidFill>
      </a:fillStyleLst>
      <a:lnStyleLst>
        <a:ln w="6350" cap="flat" cmpd="sng" algn="ctr">
          <a:prstDash val="solid"/>
          <a:miter/>
        </a:ln>
        <a:ln w="6350" cap="flat" cmpd="sng" algn="ctr">
          <a:prstDash val="solid"/>
          <a:miter/>
        </a:ln>
        <a:ln w="6350" cap="flat" cmpd="sng" algn="ctr">
          <a:prstDash val="solid"/>
          <a:miter/>
        </a:ln>
      </a:lnStyleLst>
      <a:effectStyleLst>
        <a:effectStyle>
          <a:effectLst/>
        </a:effectStyle>
        <a:effectStyle>
          <a:effectLst/>
        </a:effectStyle>
        <a:effectStyle>
          <a:effectLst/>
        </a:effectStyle>
      </a:effectStyleLst>
      <a:bgFillStyleLst>
        <a:solidFill>
          <a:schemeClr val="phClr"/>
        </a:solidFill>
        <a:solidFill>
          <a:schemeClr val="phClr"/>
        </a:solidFill>
        <a:solidFill>
          <a:schemeClr val="phClr"/>
        </a:solidFill>
      </a:bgFillStyleLst>
    </a:fmtScheme>
  </a:themeElements>
</a:theme>
</file>

<file path=docProps/app.xml><?xml version="1.0" encoding="utf-8"?>
<Properties xmlns="http://schemas.openxmlformats.org/officeDocument/2006/extended-properties" xmlns:vt="http://schemas.openxmlformats.org/officeDocument/2006/docPropsVTypes">
  <Template/>
  <TotalTime>0</TotalTime>
  <Application>LibreOffice/25.2.7.0.0$Linux_X86_64 LibreOffice_project/2cc84caafd2707671cae2773f8085721f003b89f</Application>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dc:description/>
  <dc:language>en-CA</dc:language>
  <cp:lastModifiedBy/>
  <cp:revision>0</cp:revision>
  <dc:subject/>
  <dc:title/>
</cp:coreProperties>
</file>